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11"/>
  </p:sldMasterIdLst>
  <p:notesMasterIdLst>
    <p:notesMasterId r:id="rId24"/>
  </p:notesMasterIdLst>
  <p:handoutMasterIdLst>
    <p:handoutMasterId r:id="rId25"/>
  </p:handoutMasterIdLst>
  <p:sldIdLst>
    <p:sldId id="284" r:id="rId12"/>
    <p:sldId id="4071" r:id="rId13"/>
    <p:sldId id="4072" r:id="rId14"/>
    <p:sldId id="4073" r:id="rId15"/>
    <p:sldId id="4074" r:id="rId16"/>
    <p:sldId id="4076" r:id="rId17"/>
    <p:sldId id="4075" r:id="rId18"/>
    <p:sldId id="4080" r:id="rId19"/>
    <p:sldId id="4081" r:id="rId20"/>
    <p:sldId id="4078" r:id="rId21"/>
    <p:sldId id="4077" r:id="rId22"/>
    <p:sldId id="4079" r:id="rId23"/>
  </p:sldIdLst>
  <p:sldSz cx="12192000" cy="6858000"/>
  <p:notesSz cx="6858000" cy="9144000"/>
  <p:custDataLst>
    <p:tags r:id="rId26"/>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53E9A54A-F7E4-5DD1-9B75-3D14BB5DF461}" name="James Maclaverty" initials="JM" userId="S::JMaclaverty@maximusuk.co.uk::d39d008e-71e0-4876-8edc-cf4799cb296e" providerId="AD"/>
  <p188:author id="{2FA68F70-740B-1929-0D23-040D71359C3F}" name="Martin Forsythe" initials="MF" userId="S::mforsythe@maximusuk.co.uk::9830bb59-9f76-46d6-9dac-d795b336d273" providerId="AD"/>
  <p188:author id="{704811F8-E16C-1851-67BC-2AE5F5A6CA7C}" name="Di Briggs" initials="DB" userId="S::DBriggs@maximusuk.co.uk::b435ffa6-c17a-4f3e-87a6-79076485a131"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A54A"/>
    <a:srgbClr val="D52521"/>
    <a:srgbClr val="6B4998"/>
    <a:srgbClr val="222222"/>
    <a:srgbClr val="041D41"/>
    <a:srgbClr val="9F0232"/>
    <a:srgbClr val="2CC4F5"/>
    <a:srgbClr val="ED047C"/>
    <a:srgbClr val="FFFFFF"/>
    <a:srgbClr val="E6334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35758FB7-9AC5-4552-8A53-C91805E547FA}" styleName="Themed Style 1 - Accent 5">
    <a:tblBg>
      <a:fillRef idx="2">
        <a:schemeClr val="accent5"/>
      </a:fillRef>
      <a:effectRef idx="1">
        <a:schemeClr val="accent5"/>
      </a:effectRef>
    </a:tblBg>
    <a:wholeTbl>
      <a:tcTxStyle>
        <a:fontRef idx="minor">
          <a:scrgbClr r="0" g="0" b="0"/>
        </a:fontRef>
        <a:schemeClr val="dk1"/>
      </a:tcTxStyle>
      <a:tcStyle>
        <a:tcBdr>
          <a:left>
            <a:lnRef idx="1">
              <a:schemeClr val="accent5"/>
            </a:lnRef>
          </a:left>
          <a:right>
            <a:lnRef idx="1">
              <a:schemeClr val="accent5"/>
            </a:lnRef>
          </a:right>
          <a:top>
            <a:lnRef idx="1">
              <a:schemeClr val="accent5"/>
            </a:lnRef>
          </a:top>
          <a:bottom>
            <a:lnRef idx="1">
              <a:schemeClr val="accent5"/>
            </a:lnRef>
          </a:bottom>
          <a:insideH>
            <a:lnRef idx="1">
              <a:schemeClr val="accent5"/>
            </a:lnRef>
          </a:insideH>
          <a:insideV>
            <a:lnRef idx="1">
              <a:schemeClr val="accent5"/>
            </a:lnRef>
          </a:insideV>
        </a:tcBdr>
        <a:fill>
          <a:noFill/>
        </a:fill>
      </a:tcStyle>
    </a:wholeTbl>
    <a:band1H>
      <a:tcStyle>
        <a:tcBdr/>
        <a:fill>
          <a:solidFill>
            <a:schemeClr val="accent5">
              <a:alpha val="40000"/>
            </a:schemeClr>
          </a:solidFill>
        </a:fill>
      </a:tcStyle>
    </a:band1H>
    <a:band2H>
      <a:tcStyle>
        <a:tcBdr/>
      </a:tcStyle>
    </a:band2H>
    <a:band1V>
      <a:tcStyle>
        <a:tcBdr>
          <a:top>
            <a:lnRef idx="1">
              <a:schemeClr val="accent5"/>
            </a:lnRef>
          </a:top>
          <a:bottom>
            <a:lnRef idx="1">
              <a:schemeClr val="accent5"/>
            </a:lnRef>
          </a:bottom>
        </a:tcBdr>
        <a:fill>
          <a:solidFill>
            <a:schemeClr val="accent5">
              <a:alpha val="40000"/>
            </a:schemeClr>
          </a:solidFill>
        </a:fill>
      </a:tcStyle>
    </a:band1V>
    <a:band2V>
      <a:tcStyle>
        <a:tcBdr/>
      </a:tcStyle>
    </a:band2V>
    <a:lastCol>
      <a:tcTxStyle b="on"/>
      <a:tcStyle>
        <a:tcBdr>
          <a:left>
            <a:lnRef idx="2">
              <a:schemeClr val="accent5"/>
            </a:lnRef>
          </a:left>
          <a:right>
            <a:lnRef idx="1">
              <a:schemeClr val="accent5"/>
            </a:lnRef>
          </a:right>
          <a:top>
            <a:lnRef idx="1">
              <a:schemeClr val="accent5"/>
            </a:lnRef>
          </a:top>
          <a:bottom>
            <a:lnRef idx="1">
              <a:schemeClr val="accent5"/>
            </a:lnRef>
          </a:bottom>
          <a:insideH>
            <a:lnRef idx="1">
              <a:schemeClr val="accent5"/>
            </a:lnRef>
          </a:insideH>
          <a:insideV>
            <a:ln>
              <a:noFill/>
            </a:ln>
          </a:insideV>
        </a:tcBdr>
      </a:tcStyle>
    </a:lastCol>
    <a:firstCol>
      <a:tcTxStyle b="on"/>
      <a:tcStyle>
        <a:tcBdr>
          <a:left>
            <a:lnRef idx="1">
              <a:schemeClr val="accent5"/>
            </a:lnRef>
          </a:left>
          <a:right>
            <a:lnRef idx="2">
              <a:schemeClr val="accent5"/>
            </a:lnRef>
          </a:right>
          <a:top>
            <a:lnRef idx="1">
              <a:schemeClr val="accent5"/>
            </a:lnRef>
          </a:top>
          <a:bottom>
            <a:lnRef idx="1">
              <a:schemeClr val="accent5"/>
            </a:lnRef>
          </a:bottom>
          <a:insideH>
            <a:lnRef idx="1">
              <a:schemeClr val="accent5"/>
            </a:lnRef>
          </a:insideH>
          <a:insideV>
            <a:ln>
              <a:noFill/>
            </a:ln>
          </a:insideV>
        </a:tcBdr>
      </a:tcStyle>
    </a:firstCol>
    <a:lastRow>
      <a:tcTxStyle b="on"/>
      <a:tcStyle>
        <a:tcBdr>
          <a:left>
            <a:lnRef idx="1">
              <a:schemeClr val="accent5"/>
            </a:lnRef>
          </a:left>
          <a:right>
            <a:lnRef idx="1">
              <a:schemeClr val="accent5"/>
            </a:lnRef>
          </a:right>
          <a:top>
            <a:lnRef idx="2">
              <a:schemeClr val="accent5"/>
            </a:lnRef>
          </a:top>
          <a:bottom>
            <a:lnRef idx="2">
              <a:schemeClr val="accent5"/>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5"/>
            </a:lnRef>
          </a:left>
          <a:right>
            <a:lnRef idx="1">
              <a:schemeClr val="accent5"/>
            </a:lnRef>
          </a:right>
          <a:top>
            <a:lnRef idx="1">
              <a:schemeClr val="accent5"/>
            </a:lnRef>
          </a:top>
          <a:bottom>
            <a:lnRef idx="2">
              <a:schemeClr val="lt1"/>
            </a:lnRef>
          </a:bottom>
          <a:insideH>
            <a:ln>
              <a:noFill/>
            </a:ln>
          </a:insideH>
          <a:insideV>
            <a:ln>
              <a:noFill/>
            </a:ln>
          </a:insideV>
        </a:tcBdr>
        <a:fill>
          <a:solidFill>
            <a:schemeClr val="accent5"/>
          </a:solidFill>
        </a:fill>
      </a:tcStyle>
    </a:firstRow>
  </a:tblStyle>
  <a:tblStyle styleId="{08FB837D-C827-4EFA-A057-4D05807E0F7C}" styleName="Themed Style 1 - Accent 6">
    <a:tblBg>
      <a:fillRef idx="2">
        <a:schemeClr val="accent6"/>
      </a:fillRef>
      <a:effectRef idx="1">
        <a:schemeClr val="accent6"/>
      </a:effectRef>
    </a:tblBg>
    <a:wholeTbl>
      <a:tcTxStyle>
        <a:fontRef idx="minor">
          <a:scrgbClr r="0" g="0" b="0"/>
        </a:fontRef>
        <a:schemeClr val="dk1"/>
      </a:tcTxStyle>
      <a:tcStyle>
        <a:tcBdr>
          <a:left>
            <a:lnRef idx="1">
              <a:schemeClr val="accent6"/>
            </a:lnRef>
          </a:left>
          <a:right>
            <a:lnRef idx="1">
              <a:schemeClr val="accent6"/>
            </a:lnRef>
          </a:right>
          <a:top>
            <a:lnRef idx="1">
              <a:schemeClr val="accent6"/>
            </a:lnRef>
          </a:top>
          <a:bottom>
            <a:lnRef idx="1">
              <a:schemeClr val="accent6"/>
            </a:lnRef>
          </a:bottom>
          <a:insideH>
            <a:lnRef idx="1">
              <a:schemeClr val="accent6"/>
            </a:lnRef>
          </a:insideH>
          <a:insideV>
            <a:lnRef idx="1">
              <a:schemeClr val="accent6"/>
            </a:lnRef>
          </a:insideV>
        </a:tcBdr>
        <a:fill>
          <a:noFill/>
        </a:fill>
      </a:tcStyle>
    </a:wholeTbl>
    <a:band1H>
      <a:tcStyle>
        <a:tcBdr/>
        <a:fill>
          <a:solidFill>
            <a:schemeClr val="accent6">
              <a:alpha val="40000"/>
            </a:schemeClr>
          </a:solidFill>
        </a:fill>
      </a:tcStyle>
    </a:band1H>
    <a:band2H>
      <a:tcStyle>
        <a:tcBdr/>
      </a:tcStyle>
    </a:band2H>
    <a:band1V>
      <a:tcStyle>
        <a:tcBdr>
          <a:top>
            <a:lnRef idx="1">
              <a:schemeClr val="accent6"/>
            </a:lnRef>
          </a:top>
          <a:bottom>
            <a:lnRef idx="1">
              <a:schemeClr val="accent6"/>
            </a:lnRef>
          </a:bottom>
        </a:tcBdr>
        <a:fill>
          <a:solidFill>
            <a:schemeClr val="accent6">
              <a:alpha val="40000"/>
            </a:schemeClr>
          </a:solidFill>
        </a:fill>
      </a:tcStyle>
    </a:band1V>
    <a:band2V>
      <a:tcStyle>
        <a:tcBdr/>
      </a:tcStyle>
    </a:band2V>
    <a:lastCol>
      <a:tcTxStyle b="on"/>
      <a:tcStyle>
        <a:tcBdr>
          <a:left>
            <a:lnRef idx="2">
              <a:schemeClr val="accent6"/>
            </a:lnRef>
          </a:left>
          <a:right>
            <a:lnRef idx="1">
              <a:schemeClr val="accent6"/>
            </a:lnRef>
          </a:right>
          <a:top>
            <a:lnRef idx="1">
              <a:schemeClr val="accent6"/>
            </a:lnRef>
          </a:top>
          <a:bottom>
            <a:lnRef idx="1">
              <a:schemeClr val="accent6"/>
            </a:lnRef>
          </a:bottom>
          <a:insideH>
            <a:lnRef idx="1">
              <a:schemeClr val="accent6"/>
            </a:lnRef>
          </a:insideH>
          <a:insideV>
            <a:ln>
              <a:noFill/>
            </a:ln>
          </a:insideV>
        </a:tcBdr>
      </a:tcStyle>
    </a:lastCol>
    <a:firstCol>
      <a:tcTxStyle b="on"/>
      <a:tcStyle>
        <a:tcBdr>
          <a:left>
            <a:lnRef idx="1">
              <a:schemeClr val="accent6"/>
            </a:lnRef>
          </a:left>
          <a:right>
            <a:lnRef idx="2">
              <a:schemeClr val="accent6"/>
            </a:lnRef>
          </a:right>
          <a:top>
            <a:lnRef idx="1">
              <a:schemeClr val="accent6"/>
            </a:lnRef>
          </a:top>
          <a:bottom>
            <a:lnRef idx="1">
              <a:schemeClr val="accent6"/>
            </a:lnRef>
          </a:bottom>
          <a:insideH>
            <a:lnRef idx="1">
              <a:schemeClr val="accent6"/>
            </a:lnRef>
          </a:insideH>
          <a:insideV>
            <a:ln>
              <a:noFill/>
            </a:ln>
          </a:insideV>
        </a:tcBdr>
      </a:tcStyle>
    </a:firstCol>
    <a:lastRow>
      <a:tcTxStyle b="on"/>
      <a:tcStyle>
        <a:tcBdr>
          <a:left>
            <a:lnRef idx="1">
              <a:schemeClr val="accent6"/>
            </a:lnRef>
          </a:left>
          <a:right>
            <a:lnRef idx="1">
              <a:schemeClr val="accent6"/>
            </a:lnRef>
          </a:right>
          <a:top>
            <a:lnRef idx="2">
              <a:schemeClr val="accent6"/>
            </a:lnRef>
          </a:top>
          <a:bottom>
            <a:lnRef idx="2">
              <a:schemeClr val="accent6"/>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6"/>
            </a:lnRef>
          </a:left>
          <a:right>
            <a:lnRef idx="1">
              <a:schemeClr val="accent6"/>
            </a:lnRef>
          </a:right>
          <a:top>
            <a:lnRef idx="1">
              <a:schemeClr val="accent6"/>
            </a:lnRef>
          </a:top>
          <a:bottom>
            <a:lnRef idx="2">
              <a:schemeClr val="lt1"/>
            </a:lnRef>
          </a:bottom>
          <a:insideH>
            <a:ln>
              <a:noFill/>
            </a:ln>
          </a:insideH>
          <a:insideV>
            <a:ln>
              <a:noFill/>
            </a:ln>
          </a:insideV>
        </a:tcBdr>
        <a:fill>
          <a:solidFill>
            <a:schemeClr val="accent6"/>
          </a:solidFill>
        </a:fill>
      </a:tcStyle>
    </a:firstRow>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 styleId="{284E427A-3D55-4303-BF80-6455036E1DE7}" styleName="Themed Style 1 - Accent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987" autoAdjust="0"/>
    <p:restoredTop sz="94660"/>
  </p:normalViewPr>
  <p:slideViewPr>
    <p:cSldViewPr snapToGrid="0">
      <p:cViewPr varScale="1">
        <p:scale>
          <a:sx n="60" d="100"/>
          <a:sy n="60" d="100"/>
        </p:scale>
        <p:origin x="872" y="48"/>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slide" Target="slides/slide10.xml"/><Relationship Id="rId7" Type="http://schemas.openxmlformats.org/officeDocument/2006/relationships/customXml" Target="../customXml/item7.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notesMaster" Target="notesMasters/notesMaster1.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8.xml"/><Relationship Id="rId31"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presProps" Target="presProps.xml"/><Relationship Id="rId30"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469F0A5-453C-BFC6-726A-C39B2BD69DF3}"/>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D5A987DC-9655-780B-4E61-9E83DA14516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D8A5667-8301-49D0-80B4-F318A70114F3}" type="datetimeFigureOut">
              <a:rPr lang="en-GB" smtClean="0"/>
              <a:t>12/11/2024</a:t>
            </a:fld>
            <a:endParaRPr lang="en-GB"/>
          </a:p>
        </p:txBody>
      </p:sp>
      <p:sp>
        <p:nvSpPr>
          <p:cNvPr id="4" name="Footer Placeholder 3">
            <a:extLst>
              <a:ext uri="{FF2B5EF4-FFF2-40B4-BE49-F238E27FC236}">
                <a16:creationId xmlns:a16="http://schemas.microsoft.com/office/drawing/2014/main" id="{E3547B3E-B866-51E8-5110-B236132F6CB7}"/>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AA90735E-F930-1FCA-C6FE-D2264DC7C41E}"/>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4B8184B5-BC8B-4DA7-B0A1-9D5F64D14EA9}" type="slidenum">
              <a:rPr lang="en-GB" smtClean="0"/>
              <a:t>‹#›</a:t>
            </a:fld>
            <a:endParaRPr lang="en-GB"/>
          </a:p>
        </p:txBody>
      </p:sp>
    </p:spTree>
    <p:extLst>
      <p:ext uri="{BB962C8B-B14F-4D97-AF65-F5344CB8AC3E}">
        <p14:creationId xmlns:p14="http://schemas.microsoft.com/office/powerpoint/2010/main" val="117480320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A207983-F1D6-4521-B4DA-5714FDF81034}" type="datetimeFigureOut">
              <a:rPr lang="en-GB" smtClean="0"/>
              <a:t>12/11/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4D14126E-58AC-43E5-9E39-268553037C52}" type="slidenum">
              <a:rPr lang="en-GB" smtClean="0"/>
              <a:t>‹#›</a:t>
            </a:fld>
            <a:endParaRPr lang="en-GB"/>
          </a:p>
        </p:txBody>
      </p:sp>
    </p:spTree>
    <p:extLst>
      <p:ext uri="{BB962C8B-B14F-4D97-AF65-F5344CB8AC3E}">
        <p14:creationId xmlns:p14="http://schemas.microsoft.com/office/powerpoint/2010/main" val="3011748586"/>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 Id="rId6" Type="http://schemas.openxmlformats.org/officeDocument/2006/relationships/image" Target="../media/image4.svg"/><Relationship Id="rId5" Type="http://schemas.openxmlformats.org/officeDocument/2006/relationships/image" Target="../media/image3.png"/><Relationship Id="rId4" Type="http://schemas.openxmlformats.org/officeDocument/2006/relationships/image" Target="../media/image2.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0.sv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5.xml"/><Relationship Id="rId4" Type="http://schemas.openxmlformats.org/officeDocument/2006/relationships/image" Target="../media/image10.sv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6.xml"/><Relationship Id="rId4" Type="http://schemas.openxmlformats.org/officeDocument/2006/relationships/image" Target="../media/image10.svg"/></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8" Type="http://schemas.openxmlformats.org/officeDocument/2006/relationships/hyperlink" Target="https://www.linkedin.com/search/results/all/?keywords=maximus%20uk&amp;origin=RICH_QUERY_SUGGESTION&amp;position=0&amp;searchId=ee22f5d2-1622-4119-8475-a94a281aafdc&amp;sid=bxW" TargetMode="External"/><Relationship Id="rId3" Type="http://schemas.openxmlformats.org/officeDocument/2006/relationships/image" Target="../media/image1.png"/><Relationship Id="rId7" Type="http://schemas.openxmlformats.org/officeDocument/2006/relationships/hyperlink" Target="https://www.youtube.com/channel/UCxwyV6yFeQuXSl3V1P3MnFw" TargetMode="External"/><Relationship Id="rId2" Type="http://schemas.openxmlformats.org/officeDocument/2006/relationships/slideMaster" Target="../slideMasters/slideMaster1.xml"/><Relationship Id="rId1" Type="http://schemas.openxmlformats.org/officeDocument/2006/relationships/tags" Target="../tags/tag18.xml"/><Relationship Id="rId6" Type="http://schemas.openxmlformats.org/officeDocument/2006/relationships/image" Target="../media/image4.svg"/><Relationship Id="rId5" Type="http://schemas.openxmlformats.org/officeDocument/2006/relationships/image" Target="../media/image3.png"/><Relationship Id="rId10" Type="http://schemas.openxmlformats.org/officeDocument/2006/relationships/hyperlink" Target="https://www.maximusuk.co.uk/" TargetMode="External"/><Relationship Id="rId4" Type="http://schemas.openxmlformats.org/officeDocument/2006/relationships/image" Target="../media/image2.svg"/><Relationship Id="rId9" Type="http://schemas.openxmlformats.org/officeDocument/2006/relationships/hyperlink" Target="https://www.facebook.com/MaximusUnitedKingdom/" TargetMode="External"/></Relationships>
</file>

<file path=ppt/slideLayouts/_rels/slideLayout15.xml.rels><?xml version="1.0" encoding="UTF-8" standalone="yes"?>
<Relationships xmlns="http://schemas.openxmlformats.org/package/2006/relationships"><Relationship Id="rId8" Type="http://schemas.openxmlformats.org/officeDocument/2006/relationships/hyperlink" Target="https://www.linkedin.com/search/results/all/?keywords=maximus%20uk&amp;origin=RICH_QUERY_SUGGESTION&amp;position=0&amp;searchId=ee22f5d2-1622-4119-8475-a94a281aafdc&amp;sid=bxW" TargetMode="External"/><Relationship Id="rId3" Type="http://schemas.openxmlformats.org/officeDocument/2006/relationships/image" Target="../media/image5.png"/><Relationship Id="rId7" Type="http://schemas.openxmlformats.org/officeDocument/2006/relationships/hyperlink" Target="https://www.youtube.com/channel/UCxwyV6yFeQuXSl3V1P3MnFw" TargetMode="External"/><Relationship Id="rId2" Type="http://schemas.openxmlformats.org/officeDocument/2006/relationships/slideMaster" Target="../slideMasters/slideMaster1.xml"/><Relationship Id="rId1" Type="http://schemas.openxmlformats.org/officeDocument/2006/relationships/tags" Target="../tags/tag19.xml"/><Relationship Id="rId6" Type="http://schemas.openxmlformats.org/officeDocument/2006/relationships/image" Target="../media/image8.svg"/><Relationship Id="rId5" Type="http://schemas.openxmlformats.org/officeDocument/2006/relationships/image" Target="../media/image7.png"/><Relationship Id="rId10" Type="http://schemas.openxmlformats.org/officeDocument/2006/relationships/hyperlink" Target="https://www.maximusuk.co.uk/" TargetMode="External"/><Relationship Id="rId4" Type="http://schemas.openxmlformats.org/officeDocument/2006/relationships/image" Target="../media/image6.svg"/><Relationship Id="rId9" Type="http://schemas.openxmlformats.org/officeDocument/2006/relationships/hyperlink" Target="https://www.facebook.com/MaximusUnitedKingdom/" TargetMode="Externa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6.xml"/><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6.sv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7.xml"/><Relationship Id="rId4" Type="http://schemas.openxmlformats.org/officeDocument/2006/relationships/image" Target="../media/image10.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ags" Target="../tags/tag8.xml"/><Relationship Id="rId4" Type="http://schemas.openxmlformats.org/officeDocument/2006/relationships/image" Target="../media/image12.sv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9.xml"/><Relationship Id="rId4" Type="http://schemas.openxmlformats.org/officeDocument/2006/relationships/image" Target="../media/image14.sv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0.xml"/><Relationship Id="rId4" Type="http://schemas.openxmlformats.org/officeDocument/2006/relationships/image" Target="../media/image10.sv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1.xml"/><Relationship Id="rId4" Type="http://schemas.openxmlformats.org/officeDocument/2006/relationships/image" Target="../media/image10.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10.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10.sv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_Purple">
    <p:bg>
      <p:bgPr>
        <a:solidFill>
          <a:schemeClr val="bg2"/>
        </a:solidFill>
        <a:effectLst/>
      </p:bgPr>
    </p:bg>
    <p:spTree>
      <p:nvGrpSpPr>
        <p:cNvPr id="1" name=""/>
        <p:cNvGrpSpPr/>
        <p:nvPr/>
      </p:nvGrpSpPr>
      <p:grpSpPr>
        <a:xfrm>
          <a:off x="0" y="0"/>
          <a:ext cx="0" cy="0"/>
          <a:chOff x="0" y="0"/>
          <a:chExt cx="0" cy="0"/>
        </a:xfrm>
      </p:grpSpPr>
      <p:pic>
        <p:nvPicPr>
          <p:cNvPr id="14" name="Graphic 13">
            <a:extLst>
              <a:ext uri="{FF2B5EF4-FFF2-40B4-BE49-F238E27FC236}">
                <a16:creationId xmlns:a16="http://schemas.microsoft.com/office/drawing/2014/main" id="{8E789F1E-0243-2609-6826-890AE7AE354E}"/>
              </a:ext>
            </a:extLst>
          </p:cNvPr>
          <p:cNvPicPr>
            <a:picLocks noGrp="1" noRot="1" noChangeAspect="1" noMove="1" noResize="1" noEditPoints="1" noAdjustHandles="1" noChangeArrowheads="1" noChangeShapeType="1" noCrop="1"/>
          </p:cNvPicPr>
          <p:nvPr userDrawn="1"/>
        </p:nvPicPr>
        <p:blipFill rotWithShape="1">
          <a:blip r:embed="rId3">
            <a:extLst>
              <a:ext uri="{96DAC541-7B7A-43D3-8B79-37D633B846F1}">
                <asvg:svgBlip xmlns:asvg="http://schemas.microsoft.com/office/drawing/2016/SVG/main" r:embed="rId4"/>
              </a:ext>
            </a:extLst>
          </a:blip>
          <a:srcRect r="20548"/>
          <a:stretch/>
        </p:blipFill>
        <p:spPr>
          <a:xfrm>
            <a:off x="6211542" y="0"/>
            <a:ext cx="5993710" cy="6858000"/>
          </a:xfrm>
          <a:prstGeom prst="rect">
            <a:avLst/>
          </a:prstGeom>
        </p:spPr>
      </p:pic>
      <p:sp>
        <p:nvSpPr>
          <p:cNvPr id="2" name="Title 1">
            <a:extLst>
              <a:ext uri="{FF2B5EF4-FFF2-40B4-BE49-F238E27FC236}">
                <a16:creationId xmlns:a16="http://schemas.microsoft.com/office/drawing/2014/main" id="{1D2D396A-2A5C-0123-9248-C9763FE2BEDB}"/>
              </a:ext>
            </a:extLst>
          </p:cNvPr>
          <p:cNvSpPr>
            <a:spLocks noGrp="1"/>
          </p:cNvSpPr>
          <p:nvPr>
            <p:ph type="ctrTitle" hasCustomPrompt="1"/>
          </p:nvPr>
        </p:nvSpPr>
        <p:spPr>
          <a:xfrm>
            <a:off x="689250" y="2741578"/>
            <a:ext cx="7254600" cy="1620000"/>
          </a:xfrm>
        </p:spPr>
        <p:txBody>
          <a:bodyPr anchor="t">
            <a:normAutofit/>
          </a:bodyPr>
          <a:lstStyle>
            <a:lvl1pPr algn="l">
              <a:defRPr sz="4000">
                <a:solidFill>
                  <a:schemeClr val="bg1"/>
                </a:solidFill>
              </a:defRPr>
            </a:lvl1pPr>
          </a:lstStyle>
          <a:p>
            <a:r>
              <a:rPr lang="en-GB"/>
              <a:t>Click to add title</a:t>
            </a:r>
          </a:p>
        </p:txBody>
      </p:sp>
      <p:sp>
        <p:nvSpPr>
          <p:cNvPr id="4" name="Date Placeholder 3">
            <a:extLst>
              <a:ext uri="{FF2B5EF4-FFF2-40B4-BE49-F238E27FC236}">
                <a16:creationId xmlns:a16="http://schemas.microsoft.com/office/drawing/2014/main" id="{C372472D-2585-AB79-C518-1E480DCCA01A}"/>
              </a:ext>
            </a:extLst>
          </p:cNvPr>
          <p:cNvSpPr>
            <a:spLocks noGrp="1"/>
          </p:cNvSpPr>
          <p:nvPr>
            <p:ph type="dt" sz="half" idx="10"/>
          </p:nvPr>
        </p:nvSpPr>
        <p:spPr>
          <a:xfrm>
            <a:off x="9441181" y="6024875"/>
            <a:ext cx="1376992" cy="365125"/>
          </a:xfrm>
          <a:prstGeom prst="rect">
            <a:avLst/>
          </a:prstGeom>
        </p:spPr>
        <p:txBody>
          <a:bodyPr lIns="0" tIns="0" rIns="0" bIns="0" anchor="ctr"/>
          <a:lstStyle>
            <a:lvl1pPr algn="r">
              <a:defRPr sz="1400" b="1">
                <a:solidFill>
                  <a:srgbClr val="EBE4F3"/>
                </a:solidFill>
              </a:defRPr>
            </a:lvl1pPr>
          </a:lstStyle>
          <a:p>
            <a:endParaRPr lang="en-GB"/>
          </a:p>
        </p:txBody>
      </p:sp>
      <p:sp>
        <p:nvSpPr>
          <p:cNvPr id="15" name="Guides">
            <a:extLst>
              <a:ext uri="{FF2B5EF4-FFF2-40B4-BE49-F238E27FC236}">
                <a16:creationId xmlns:a16="http://schemas.microsoft.com/office/drawing/2014/main" id="{B21D532F-78BB-F822-8B70-C4524278163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Graphic 5">
            <a:extLst>
              <a:ext uri="{FF2B5EF4-FFF2-40B4-BE49-F238E27FC236}">
                <a16:creationId xmlns:a16="http://schemas.microsoft.com/office/drawing/2014/main" id="{B354D7E2-25BB-7728-5FB7-F4092781E1A8}"/>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689250" y="1081860"/>
            <a:ext cx="3420000" cy="433879"/>
          </a:xfrm>
          <a:prstGeom prst="rect">
            <a:avLst/>
          </a:prstGeom>
        </p:spPr>
      </p:pic>
    </p:spTree>
    <p:extLst>
      <p:ext uri="{BB962C8B-B14F-4D97-AF65-F5344CB8AC3E}">
        <p14:creationId xmlns:p14="http://schemas.microsoft.com/office/powerpoint/2010/main" val="2372292696"/>
      </p:ext>
    </p:extLst>
  </p:cSld>
  <p:clrMapOvr>
    <a:masterClrMapping/>
  </p:clrMapOvr>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4_Two Content">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16951CB8-1714-2447-8949-16615C47FF63}"/>
              </a:ext>
            </a:extLst>
          </p:cNvPr>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Content Placeholder 2">
            <a:extLst>
              <a:ext uri="{FF2B5EF4-FFF2-40B4-BE49-F238E27FC236}">
                <a16:creationId xmlns:a16="http://schemas.microsoft.com/office/drawing/2014/main" id="{E250BDB9-7AD8-9187-3D04-C0919CCC7482}"/>
              </a:ext>
            </a:extLst>
          </p:cNvPr>
          <p:cNvSpPr>
            <a:spLocks noGrp="1"/>
          </p:cNvSpPr>
          <p:nvPr>
            <p:ph sz="half" idx="1" hasCustomPrompt="1"/>
          </p:nvPr>
        </p:nvSpPr>
        <p:spPr>
          <a:xfrm>
            <a:off x="431999" y="1061999"/>
            <a:ext cx="5311085" cy="5038764"/>
          </a:xfrm>
        </p:spPr>
        <p:txBody>
          <a:bodyPr/>
          <a:lstStyle>
            <a:lvl1pPr>
              <a:defRPr/>
            </a:lvl1pPr>
          </a:lstStyle>
          <a:p>
            <a:pPr lvl="0"/>
            <a:r>
              <a:rPr lang="en-US"/>
              <a:t>First level</a:t>
            </a:r>
          </a:p>
          <a:p>
            <a:pPr lvl="1"/>
            <a:r>
              <a:rPr lang="en-US"/>
              <a:t>Second level</a:t>
            </a:r>
          </a:p>
          <a:p>
            <a:pPr lvl="2"/>
            <a:r>
              <a:rPr lang="en-US"/>
              <a:t>Third level</a:t>
            </a:r>
          </a:p>
          <a:p>
            <a:pPr lvl="3"/>
            <a:r>
              <a:rPr lang="en-US"/>
              <a:t>Fourth level</a:t>
            </a:r>
          </a:p>
          <a:p>
            <a:pPr lvl="4"/>
            <a:r>
              <a:rPr lang="en-US"/>
              <a:t>Fifth level</a:t>
            </a:r>
            <a:endParaRPr lang="en-GB"/>
          </a:p>
        </p:txBody>
      </p:sp>
      <p:sp>
        <p:nvSpPr>
          <p:cNvPr id="4" name="Content Placeholder 3">
            <a:extLst>
              <a:ext uri="{FF2B5EF4-FFF2-40B4-BE49-F238E27FC236}">
                <a16:creationId xmlns:a16="http://schemas.microsoft.com/office/drawing/2014/main" id="{9DEE9708-B034-DD3C-2396-1A99397D45EF}"/>
              </a:ext>
            </a:extLst>
          </p:cNvPr>
          <p:cNvSpPr>
            <a:spLocks noGrp="1"/>
          </p:cNvSpPr>
          <p:nvPr>
            <p:ph sz="half" idx="2" hasCustomPrompt="1"/>
          </p:nvPr>
        </p:nvSpPr>
        <p:spPr>
          <a:xfrm>
            <a:off x="6438002" y="1061999"/>
            <a:ext cx="5321998" cy="5038764"/>
          </a:xfrm>
        </p:spPr>
        <p:txBody>
          <a:bodyPr/>
          <a:lstStyle>
            <a:lvl1pPr>
              <a:defRPr/>
            </a:lvl1pPr>
          </a:lstStyle>
          <a:p>
            <a:pPr lvl="0"/>
            <a:r>
              <a:rPr lang="en-US"/>
              <a:t>First level</a:t>
            </a:r>
          </a:p>
          <a:p>
            <a:pPr lvl="1"/>
            <a:r>
              <a:rPr lang="en-US"/>
              <a:t>Second level</a:t>
            </a:r>
          </a:p>
          <a:p>
            <a:pPr lvl="2"/>
            <a:r>
              <a:rPr lang="en-US"/>
              <a:t>Third level</a:t>
            </a:r>
          </a:p>
          <a:p>
            <a:pPr lvl="3"/>
            <a:r>
              <a:rPr lang="en-US"/>
              <a:t>Fourth level</a:t>
            </a:r>
          </a:p>
          <a:p>
            <a:pPr lvl="4"/>
            <a:r>
              <a:rPr lang="en-US"/>
              <a:t>Fifth level</a:t>
            </a:r>
            <a:endParaRPr lang="en-GB"/>
          </a:p>
        </p:txBody>
      </p:sp>
      <p:sp>
        <p:nvSpPr>
          <p:cNvPr id="7" name="Slide Number Placeholder 6">
            <a:extLst>
              <a:ext uri="{FF2B5EF4-FFF2-40B4-BE49-F238E27FC236}">
                <a16:creationId xmlns:a16="http://schemas.microsoft.com/office/drawing/2014/main" id="{B05D83EA-A7E0-23D4-F5F4-ED23ED980D1E}"/>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p>
        </p:txBody>
      </p:sp>
      <p:sp>
        <p:nvSpPr>
          <p:cNvPr id="17" name="Guides" hidden="1">
            <a:extLst>
              <a:ext uri="{FF2B5EF4-FFF2-40B4-BE49-F238E27FC236}">
                <a16:creationId xmlns:a16="http://schemas.microsoft.com/office/drawing/2014/main" id="{4AA8FA66-0272-2715-F634-FE561716499A}"/>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A30DF950-FF2F-30A7-E6AB-29B9CAB39171}"/>
              </a:ext>
            </a:extLst>
          </p:cNvPr>
          <p:cNvSpPr>
            <a:spLocks noGrp="1"/>
          </p:cNvSpPr>
          <p:nvPr>
            <p:ph type="title"/>
          </p:nvPr>
        </p:nvSpPr>
        <p:spPr>
          <a:xfrm>
            <a:off x="432000" y="324000"/>
            <a:ext cx="5311084" cy="450000"/>
          </a:xfrm>
        </p:spPr>
        <p:txBody>
          <a:bodyPr/>
          <a:lstStyle/>
          <a:p>
            <a:r>
              <a:rPr lang="en-US"/>
              <a:t>Click to edit Master title style</a:t>
            </a:r>
            <a:endParaRPr lang="en-GB"/>
          </a:p>
        </p:txBody>
      </p:sp>
      <p:pic>
        <p:nvPicPr>
          <p:cNvPr id="6" name="Graphic 5">
            <a:extLst>
              <a:ext uri="{FF2B5EF4-FFF2-40B4-BE49-F238E27FC236}">
                <a16:creationId xmlns:a16="http://schemas.microsoft.com/office/drawing/2014/main" id="{1E916D60-887B-AD35-22A0-086FE65F588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315654" y="297688"/>
            <a:ext cx="444345" cy="432001"/>
          </a:xfrm>
          <a:prstGeom prst="rect">
            <a:avLst/>
          </a:prstGeom>
        </p:spPr>
      </p:pic>
    </p:spTree>
    <p:extLst>
      <p:ext uri="{BB962C8B-B14F-4D97-AF65-F5344CB8AC3E}">
        <p14:creationId xmlns:p14="http://schemas.microsoft.com/office/powerpoint/2010/main" val="1908245595"/>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9" userDrawn="1">
          <p15:clr>
            <a:srgbClr val="FF96FF"/>
          </p15:clr>
        </p15:guide>
        <p15:guide id="8" pos="7407"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E250BDB9-7AD8-9187-3D04-C0919CCC7482}"/>
              </a:ext>
            </a:extLst>
          </p:cNvPr>
          <p:cNvSpPr>
            <a:spLocks noGrp="1"/>
          </p:cNvSpPr>
          <p:nvPr>
            <p:ph sz="half" idx="1" hasCustomPrompt="1"/>
          </p:nvPr>
        </p:nvSpPr>
        <p:spPr>
          <a:xfrm>
            <a:off x="431999" y="1061998"/>
            <a:ext cx="5556001" cy="5040000"/>
          </a:xfrm>
        </p:spPr>
        <p:txBody>
          <a:bodyPr/>
          <a:lstStyle>
            <a:lvl1pPr>
              <a:defRPr/>
            </a:lvl1pPr>
          </a:lstStyle>
          <a:p>
            <a:pPr lvl="0"/>
            <a:r>
              <a:rPr lang="en-US"/>
              <a:t>First level</a:t>
            </a:r>
          </a:p>
          <a:p>
            <a:pPr lvl="1"/>
            <a:r>
              <a:rPr lang="en-US"/>
              <a:t>Second level</a:t>
            </a:r>
          </a:p>
          <a:p>
            <a:pPr lvl="2"/>
            <a:r>
              <a:rPr lang="en-US"/>
              <a:t>Third level</a:t>
            </a:r>
          </a:p>
          <a:p>
            <a:pPr lvl="3"/>
            <a:r>
              <a:rPr lang="en-US"/>
              <a:t>Fourth level</a:t>
            </a:r>
          </a:p>
          <a:p>
            <a:pPr lvl="4"/>
            <a:r>
              <a:rPr lang="en-US"/>
              <a:t>Fifth level</a:t>
            </a:r>
            <a:endParaRPr lang="en-GB"/>
          </a:p>
        </p:txBody>
      </p:sp>
      <p:sp>
        <p:nvSpPr>
          <p:cNvPr id="4" name="Content Placeholder 3">
            <a:extLst>
              <a:ext uri="{FF2B5EF4-FFF2-40B4-BE49-F238E27FC236}">
                <a16:creationId xmlns:a16="http://schemas.microsoft.com/office/drawing/2014/main" id="{9DEE9708-B034-DD3C-2396-1A99397D45EF}"/>
              </a:ext>
            </a:extLst>
          </p:cNvPr>
          <p:cNvSpPr>
            <a:spLocks noGrp="1"/>
          </p:cNvSpPr>
          <p:nvPr>
            <p:ph sz="half" idx="2" hasCustomPrompt="1"/>
          </p:nvPr>
        </p:nvSpPr>
        <p:spPr>
          <a:xfrm>
            <a:off x="6204001" y="1061998"/>
            <a:ext cx="5556001" cy="5040000"/>
          </a:xfrm>
        </p:spPr>
        <p:txBody>
          <a:bodyPr/>
          <a:lstStyle>
            <a:lvl1pPr>
              <a:defRPr/>
            </a:lvl1pPr>
          </a:lstStyle>
          <a:p>
            <a:pPr lvl="0"/>
            <a:r>
              <a:rPr lang="en-US"/>
              <a:t>First level</a:t>
            </a:r>
          </a:p>
          <a:p>
            <a:pPr lvl="1"/>
            <a:r>
              <a:rPr lang="en-US"/>
              <a:t>Second level</a:t>
            </a:r>
          </a:p>
          <a:p>
            <a:pPr lvl="2"/>
            <a:r>
              <a:rPr lang="en-US"/>
              <a:t>Third level</a:t>
            </a:r>
          </a:p>
          <a:p>
            <a:pPr lvl="3"/>
            <a:r>
              <a:rPr lang="en-US"/>
              <a:t>Fourth level</a:t>
            </a:r>
          </a:p>
          <a:p>
            <a:pPr lvl="4"/>
            <a:r>
              <a:rPr lang="en-US"/>
              <a:t>Fifth level</a:t>
            </a:r>
            <a:endParaRPr lang="en-GB"/>
          </a:p>
        </p:txBody>
      </p:sp>
      <p:sp>
        <p:nvSpPr>
          <p:cNvPr id="5" name="Slide Number Placeholder 4">
            <a:extLst>
              <a:ext uri="{FF2B5EF4-FFF2-40B4-BE49-F238E27FC236}">
                <a16:creationId xmlns:a16="http://schemas.microsoft.com/office/drawing/2014/main" id="{FE67DF2C-DA2F-0B28-44CB-19BDF2CB6DFB}"/>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p>
        </p:txBody>
      </p:sp>
      <p:sp>
        <p:nvSpPr>
          <p:cNvPr id="15" name="Guides" hidden="1">
            <a:extLst>
              <a:ext uri="{FF2B5EF4-FFF2-40B4-BE49-F238E27FC236}">
                <a16:creationId xmlns:a16="http://schemas.microsoft.com/office/drawing/2014/main" id="{3D6FD939-A12E-0B38-2A20-7060BB884BA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itle 5">
            <a:extLst>
              <a:ext uri="{FF2B5EF4-FFF2-40B4-BE49-F238E27FC236}">
                <a16:creationId xmlns:a16="http://schemas.microsoft.com/office/drawing/2014/main" id="{F3F753A7-94CC-9536-2090-9676570710F0}"/>
              </a:ext>
            </a:extLst>
          </p:cNvPr>
          <p:cNvSpPr>
            <a:spLocks noGrp="1"/>
          </p:cNvSpPr>
          <p:nvPr>
            <p:ph type="title"/>
          </p:nvPr>
        </p:nvSpPr>
        <p:spPr/>
        <p:txBody>
          <a:bodyPr/>
          <a:lstStyle/>
          <a:p>
            <a:r>
              <a:rPr lang="en-US"/>
              <a:t>Click to edit Master title style</a:t>
            </a:r>
            <a:endParaRPr lang="en-GB"/>
          </a:p>
        </p:txBody>
      </p:sp>
      <p:pic>
        <p:nvPicPr>
          <p:cNvPr id="2" name="Graphic 1">
            <a:extLst>
              <a:ext uri="{FF2B5EF4-FFF2-40B4-BE49-F238E27FC236}">
                <a16:creationId xmlns:a16="http://schemas.microsoft.com/office/drawing/2014/main" id="{82AE43B2-D76A-C8BD-302D-848119C3205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315654" y="297688"/>
            <a:ext cx="444345" cy="432001"/>
          </a:xfrm>
          <a:prstGeom prst="rect">
            <a:avLst/>
          </a:prstGeom>
        </p:spPr>
      </p:pic>
    </p:spTree>
    <p:extLst>
      <p:ext uri="{BB962C8B-B14F-4D97-AF65-F5344CB8AC3E}">
        <p14:creationId xmlns:p14="http://schemas.microsoft.com/office/powerpoint/2010/main" val="3899729576"/>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3771" userDrawn="1">
          <p15:clr>
            <a:srgbClr val="FF96FF"/>
          </p15:clr>
        </p15:guide>
        <p15:guide id="9" pos="3908" userDrawn="1">
          <p15:clr>
            <a:srgbClr val="FF96FF"/>
          </p15:clr>
        </p15:guide>
        <p15:guide id="10" pos="7407"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37E2F7-5D6C-1317-F473-A9417C37A203}"/>
              </a:ext>
            </a:extLst>
          </p:cNvPr>
          <p:cNvSpPr>
            <a:spLocks noGrp="1"/>
          </p:cNvSpPr>
          <p:nvPr>
            <p:ph type="title" hasCustomPrompt="1"/>
          </p:nvPr>
        </p:nvSpPr>
        <p:spPr/>
        <p:txBody>
          <a:bodyPr/>
          <a:lstStyle/>
          <a:p>
            <a:r>
              <a:rPr lang="en-US"/>
              <a:t>Click to add title</a:t>
            </a:r>
            <a:endParaRPr lang="en-GB"/>
          </a:p>
        </p:txBody>
      </p:sp>
      <p:sp>
        <p:nvSpPr>
          <p:cNvPr id="4" name="Slide Number Placeholder 3">
            <a:extLst>
              <a:ext uri="{FF2B5EF4-FFF2-40B4-BE49-F238E27FC236}">
                <a16:creationId xmlns:a16="http://schemas.microsoft.com/office/drawing/2014/main" id="{55FF39CC-9A0B-943A-DF35-27926E160E10}"/>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p>
        </p:txBody>
      </p:sp>
      <p:sp>
        <p:nvSpPr>
          <p:cNvPr id="13" name="Guides" hidden="1">
            <a:extLst>
              <a:ext uri="{FF2B5EF4-FFF2-40B4-BE49-F238E27FC236}">
                <a16:creationId xmlns:a16="http://schemas.microsoft.com/office/drawing/2014/main" id="{152B46D3-329F-6369-E470-903A3ECD23B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3" name="Graphic 2">
            <a:extLst>
              <a:ext uri="{FF2B5EF4-FFF2-40B4-BE49-F238E27FC236}">
                <a16:creationId xmlns:a16="http://schemas.microsoft.com/office/drawing/2014/main" id="{6169A2DC-FECC-473D-6DFF-1461BE59A889}"/>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315654" y="297688"/>
            <a:ext cx="444345" cy="432001"/>
          </a:xfrm>
          <a:prstGeom prst="rect">
            <a:avLst/>
          </a:prstGeom>
        </p:spPr>
      </p:pic>
    </p:spTree>
    <p:extLst>
      <p:ext uri="{BB962C8B-B14F-4D97-AF65-F5344CB8AC3E}">
        <p14:creationId xmlns:p14="http://schemas.microsoft.com/office/powerpoint/2010/main" val="4255769230"/>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1348" userDrawn="1">
          <p15:clr>
            <a:srgbClr val="FF96FF"/>
          </p15:clr>
        </p15:guide>
        <p15:guide id="9" pos="1484" userDrawn="1">
          <p15:clr>
            <a:srgbClr val="FF96FF"/>
          </p15:clr>
        </p15:guide>
        <p15:guide id="10" pos="2560" userDrawn="1">
          <p15:clr>
            <a:srgbClr val="FF96FF"/>
          </p15:clr>
        </p15:guide>
        <p15:guide id="11" pos="2696" userDrawn="1">
          <p15:clr>
            <a:srgbClr val="FF96FF"/>
          </p15:clr>
        </p15:guide>
        <p15:guide id="12" pos="3771" userDrawn="1">
          <p15:clr>
            <a:srgbClr val="FF96FF"/>
          </p15:clr>
        </p15:guide>
        <p15:guide id="13" pos="3908" userDrawn="1">
          <p15:clr>
            <a:srgbClr val="FF96FF"/>
          </p15:clr>
        </p15:guide>
        <p15:guide id="14" pos="4983" userDrawn="1">
          <p15:clr>
            <a:srgbClr val="FF96FF"/>
          </p15:clr>
        </p15:guide>
        <p15:guide id="15" pos="5120" userDrawn="1">
          <p15:clr>
            <a:srgbClr val="FF96FF"/>
          </p15:clr>
        </p15:guide>
        <p15:guide id="16" pos="6195" userDrawn="1">
          <p15:clr>
            <a:srgbClr val="FF96FF"/>
          </p15:clr>
        </p15:guide>
        <p15:guide id="17" pos="6331" userDrawn="1">
          <p15:clr>
            <a:srgbClr val="FF96FF"/>
          </p15:clr>
        </p15:guide>
        <p15:guide id="18" pos="7407"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FF8D3FDE-D3BD-6529-F2B3-0D5FAEB6A656}"/>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p>
        </p:txBody>
      </p:sp>
      <p:sp>
        <p:nvSpPr>
          <p:cNvPr id="12" name="Guides" hidden="1">
            <a:extLst>
              <a:ext uri="{FF2B5EF4-FFF2-40B4-BE49-F238E27FC236}">
                <a16:creationId xmlns:a16="http://schemas.microsoft.com/office/drawing/2014/main" id="{80297337-5888-9F62-CE3E-DA1C01B67629}"/>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14717455"/>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1348" userDrawn="1">
          <p15:clr>
            <a:srgbClr val="FF96FF"/>
          </p15:clr>
        </p15:guide>
        <p15:guide id="9" pos="1484" userDrawn="1">
          <p15:clr>
            <a:srgbClr val="FF96FF"/>
          </p15:clr>
        </p15:guide>
        <p15:guide id="10" pos="2560" userDrawn="1">
          <p15:clr>
            <a:srgbClr val="FF96FF"/>
          </p15:clr>
        </p15:guide>
        <p15:guide id="11" pos="2696" userDrawn="1">
          <p15:clr>
            <a:srgbClr val="FF96FF"/>
          </p15:clr>
        </p15:guide>
        <p15:guide id="12" pos="3771" userDrawn="1">
          <p15:clr>
            <a:srgbClr val="FF96FF"/>
          </p15:clr>
        </p15:guide>
        <p15:guide id="13" pos="3908" userDrawn="1">
          <p15:clr>
            <a:srgbClr val="FF96FF"/>
          </p15:clr>
        </p15:guide>
        <p15:guide id="14" pos="4983" userDrawn="1">
          <p15:clr>
            <a:srgbClr val="FF96FF"/>
          </p15:clr>
        </p15:guide>
        <p15:guide id="15" pos="5120" userDrawn="1">
          <p15:clr>
            <a:srgbClr val="FF96FF"/>
          </p15:clr>
        </p15:guide>
        <p15:guide id="16" pos="6195" userDrawn="1">
          <p15:clr>
            <a:srgbClr val="FF96FF"/>
          </p15:clr>
        </p15:guide>
        <p15:guide id="17" pos="6331" userDrawn="1">
          <p15:clr>
            <a:srgbClr val="FF96FF"/>
          </p15:clr>
        </p15:guide>
        <p15:guide id="18" pos="7407"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End Slide_Purple">
    <p:bg>
      <p:bgPr>
        <a:solidFill>
          <a:schemeClr val="bg2"/>
        </a:solidFill>
        <a:effectLst/>
      </p:bgPr>
    </p:bg>
    <p:spTree>
      <p:nvGrpSpPr>
        <p:cNvPr id="1" name=""/>
        <p:cNvGrpSpPr/>
        <p:nvPr/>
      </p:nvGrpSpPr>
      <p:grpSpPr>
        <a:xfrm>
          <a:off x="0" y="0"/>
          <a:ext cx="0" cy="0"/>
          <a:chOff x="0" y="0"/>
          <a:chExt cx="0" cy="0"/>
        </a:xfrm>
      </p:grpSpPr>
      <p:pic>
        <p:nvPicPr>
          <p:cNvPr id="14" name="Graphic 13">
            <a:extLst>
              <a:ext uri="{FF2B5EF4-FFF2-40B4-BE49-F238E27FC236}">
                <a16:creationId xmlns:a16="http://schemas.microsoft.com/office/drawing/2014/main" id="{8E789F1E-0243-2609-6826-890AE7AE354E}"/>
              </a:ext>
            </a:extLst>
          </p:cNvPr>
          <p:cNvPicPr>
            <a:picLocks noGrp="1" noRot="1" noChangeAspect="1" noMove="1" noResize="1" noEditPoints="1" noAdjustHandles="1" noChangeArrowheads="1" noChangeShapeType="1" noCrop="1"/>
          </p:cNvPicPr>
          <p:nvPr userDrawn="1"/>
        </p:nvPicPr>
        <p:blipFill rotWithShape="1">
          <a:blip r:embed="rId3">
            <a:extLst>
              <a:ext uri="{96DAC541-7B7A-43D3-8B79-37D633B846F1}">
                <asvg:svgBlip xmlns:asvg="http://schemas.microsoft.com/office/drawing/2016/SVG/main" r:embed="rId4"/>
              </a:ext>
            </a:extLst>
          </a:blip>
          <a:srcRect r="20548"/>
          <a:stretch/>
        </p:blipFill>
        <p:spPr>
          <a:xfrm>
            <a:off x="6198290" y="0"/>
            <a:ext cx="5993710" cy="6858000"/>
          </a:xfrm>
          <a:prstGeom prst="rect">
            <a:avLst/>
          </a:prstGeom>
        </p:spPr>
      </p:pic>
      <p:pic>
        <p:nvPicPr>
          <p:cNvPr id="19" name="Graphic 18">
            <a:extLst>
              <a:ext uri="{FF2B5EF4-FFF2-40B4-BE49-F238E27FC236}">
                <a16:creationId xmlns:a16="http://schemas.microsoft.com/office/drawing/2014/main" id="{E5E61969-FFE4-2781-A705-79CE31ED10A8}"/>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689250" y="1081860"/>
            <a:ext cx="3420000" cy="433879"/>
          </a:xfrm>
          <a:prstGeom prst="rect">
            <a:avLst/>
          </a:prstGeom>
        </p:spPr>
      </p:pic>
      <p:sp>
        <p:nvSpPr>
          <p:cNvPr id="24" name="Guides" hidden="1">
            <a:extLst>
              <a:ext uri="{FF2B5EF4-FFF2-40B4-BE49-F238E27FC236}">
                <a16:creationId xmlns:a16="http://schemas.microsoft.com/office/drawing/2014/main" id="{704F71CC-805D-DCDA-009E-E5DB4B54F3E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Freeform: Shape 3">
            <a:extLst>
              <a:ext uri="{FF2B5EF4-FFF2-40B4-BE49-F238E27FC236}">
                <a16:creationId xmlns:a16="http://schemas.microsoft.com/office/drawing/2014/main" id="{97810D29-32B2-9D77-F2C3-2FEEB32C71C6}"/>
              </a:ext>
            </a:extLst>
          </p:cNvPr>
          <p:cNvSpPr/>
          <p:nvPr userDrawn="1"/>
        </p:nvSpPr>
        <p:spPr>
          <a:xfrm>
            <a:off x="10791127" y="5732152"/>
            <a:ext cx="154126" cy="286234"/>
          </a:xfrm>
          <a:custGeom>
            <a:avLst/>
            <a:gdLst>
              <a:gd name="connsiteX0" fmla="*/ 154126 w 154126"/>
              <a:gd name="connsiteY0" fmla="*/ 50539 h 286234"/>
              <a:gd name="connsiteX1" fmla="*/ 154126 w 154126"/>
              <a:gd name="connsiteY1" fmla="*/ 0 h 286234"/>
              <a:gd name="connsiteX2" fmla="*/ 109440 w 154126"/>
              <a:gd name="connsiteY2" fmla="*/ 0 h 286234"/>
              <a:gd name="connsiteX3" fmla="*/ 45337 w 154126"/>
              <a:gd name="connsiteY3" fmla="*/ 64103 h 286234"/>
              <a:gd name="connsiteX4" fmla="*/ 45337 w 154126"/>
              <a:gd name="connsiteY4" fmla="*/ 110276 h 286234"/>
              <a:gd name="connsiteX5" fmla="*/ 0 w 154126"/>
              <a:gd name="connsiteY5" fmla="*/ 110276 h 286234"/>
              <a:gd name="connsiteX6" fmla="*/ 0 w 154126"/>
              <a:gd name="connsiteY6" fmla="*/ 163045 h 286234"/>
              <a:gd name="connsiteX7" fmla="*/ 45337 w 154126"/>
              <a:gd name="connsiteY7" fmla="*/ 163045 h 286234"/>
              <a:gd name="connsiteX8" fmla="*/ 45337 w 154126"/>
              <a:gd name="connsiteY8" fmla="*/ 286235 h 286234"/>
              <a:gd name="connsiteX9" fmla="*/ 100707 w 154126"/>
              <a:gd name="connsiteY9" fmla="*/ 286235 h 286234"/>
              <a:gd name="connsiteX10" fmla="*/ 100707 w 154126"/>
              <a:gd name="connsiteY10" fmla="*/ 162209 h 286234"/>
              <a:gd name="connsiteX11" fmla="*/ 142142 w 154126"/>
              <a:gd name="connsiteY11" fmla="*/ 162209 h 286234"/>
              <a:gd name="connsiteX12" fmla="*/ 150039 w 154126"/>
              <a:gd name="connsiteY12" fmla="*/ 109905 h 286234"/>
              <a:gd name="connsiteX13" fmla="*/ 100614 w 154126"/>
              <a:gd name="connsiteY13" fmla="*/ 109905 h 286234"/>
              <a:gd name="connsiteX14" fmla="*/ 100614 w 154126"/>
              <a:gd name="connsiteY14" fmla="*/ 72650 h 286234"/>
              <a:gd name="connsiteX15" fmla="*/ 122725 w 154126"/>
              <a:gd name="connsiteY15" fmla="*/ 50539 h 286234"/>
              <a:gd name="connsiteX16" fmla="*/ 153941 w 154126"/>
              <a:gd name="connsiteY16" fmla="*/ 50539 h 2862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54126" h="286234">
                <a:moveTo>
                  <a:pt x="154126" y="50539"/>
                </a:moveTo>
                <a:lnTo>
                  <a:pt x="154126" y="0"/>
                </a:lnTo>
                <a:lnTo>
                  <a:pt x="109440" y="0"/>
                </a:lnTo>
                <a:cubicBezTo>
                  <a:pt x="74044" y="0"/>
                  <a:pt x="45337" y="28707"/>
                  <a:pt x="45337" y="64103"/>
                </a:cubicBezTo>
                <a:lnTo>
                  <a:pt x="45337" y="110276"/>
                </a:lnTo>
                <a:lnTo>
                  <a:pt x="0" y="110276"/>
                </a:lnTo>
                <a:lnTo>
                  <a:pt x="0" y="163045"/>
                </a:lnTo>
                <a:lnTo>
                  <a:pt x="45337" y="163045"/>
                </a:lnTo>
                <a:lnTo>
                  <a:pt x="45337" y="286235"/>
                </a:lnTo>
                <a:lnTo>
                  <a:pt x="100707" y="286235"/>
                </a:lnTo>
                <a:lnTo>
                  <a:pt x="100707" y="162209"/>
                </a:lnTo>
                <a:lnTo>
                  <a:pt x="142142" y="162209"/>
                </a:lnTo>
                <a:lnTo>
                  <a:pt x="150039" y="109905"/>
                </a:lnTo>
                <a:lnTo>
                  <a:pt x="100614" y="109905"/>
                </a:lnTo>
                <a:lnTo>
                  <a:pt x="100614" y="72650"/>
                </a:lnTo>
                <a:cubicBezTo>
                  <a:pt x="100614" y="60480"/>
                  <a:pt x="110555" y="50539"/>
                  <a:pt x="122725" y="50539"/>
                </a:cubicBezTo>
                <a:lnTo>
                  <a:pt x="153941" y="50539"/>
                </a:lnTo>
                <a:close/>
              </a:path>
            </a:pathLst>
          </a:custGeom>
          <a:solidFill>
            <a:srgbClr val="FFFFFF"/>
          </a:solidFill>
          <a:ln w="9286" cap="flat">
            <a:noFill/>
            <a:prstDash val="solid"/>
            <a:miter/>
          </a:ln>
        </p:spPr>
        <p:txBody>
          <a:bodyPr rtlCol="0" anchor="ctr"/>
          <a:lstStyle/>
          <a:p>
            <a:endParaRPr lang="en-GB"/>
          </a:p>
        </p:txBody>
      </p:sp>
      <p:grpSp>
        <p:nvGrpSpPr>
          <p:cNvPr id="5" name="Graphic 7">
            <a:extLst>
              <a:ext uri="{FF2B5EF4-FFF2-40B4-BE49-F238E27FC236}">
                <a16:creationId xmlns:a16="http://schemas.microsoft.com/office/drawing/2014/main" id="{619CAB71-05AE-B585-CFEB-E08DC4D9B911}"/>
              </a:ext>
            </a:extLst>
          </p:cNvPr>
          <p:cNvGrpSpPr/>
          <p:nvPr userDrawn="1"/>
        </p:nvGrpSpPr>
        <p:grpSpPr>
          <a:xfrm>
            <a:off x="10204998" y="5742513"/>
            <a:ext cx="270255" cy="270905"/>
            <a:chOff x="10224422" y="5738425"/>
            <a:chExt cx="270255" cy="270905"/>
          </a:xfrm>
          <a:solidFill>
            <a:srgbClr val="FFFFFF"/>
          </a:solidFill>
        </p:grpSpPr>
        <p:sp>
          <p:nvSpPr>
            <p:cNvPr id="6" name="Freeform: Shape 5">
              <a:extLst>
                <a:ext uri="{FF2B5EF4-FFF2-40B4-BE49-F238E27FC236}">
                  <a16:creationId xmlns:a16="http://schemas.microsoft.com/office/drawing/2014/main" id="{D4CFD641-AEAD-1496-2F39-1231ACF493D1}"/>
                </a:ext>
              </a:extLst>
            </p:cNvPr>
            <p:cNvSpPr/>
            <p:nvPr/>
          </p:nvSpPr>
          <p:spPr>
            <a:xfrm>
              <a:off x="10228882" y="5830771"/>
              <a:ext cx="54069" cy="178467"/>
            </a:xfrm>
            <a:custGeom>
              <a:avLst/>
              <a:gdLst>
                <a:gd name="connsiteX0" fmla="*/ 0 w 54069"/>
                <a:gd name="connsiteY0" fmla="*/ 0 h 178467"/>
                <a:gd name="connsiteX1" fmla="*/ 54070 w 54069"/>
                <a:gd name="connsiteY1" fmla="*/ 0 h 178467"/>
                <a:gd name="connsiteX2" fmla="*/ 54070 w 54069"/>
                <a:gd name="connsiteY2" fmla="*/ 178467 h 178467"/>
                <a:gd name="connsiteX3" fmla="*/ 0 w 54069"/>
                <a:gd name="connsiteY3" fmla="*/ 178467 h 178467"/>
                <a:gd name="connsiteX4" fmla="*/ 0 w 54069"/>
                <a:gd name="connsiteY4" fmla="*/ 0 h 17846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069" h="178467">
                  <a:moveTo>
                    <a:pt x="0" y="0"/>
                  </a:moveTo>
                  <a:lnTo>
                    <a:pt x="54070" y="0"/>
                  </a:lnTo>
                  <a:lnTo>
                    <a:pt x="54070" y="178467"/>
                  </a:lnTo>
                  <a:lnTo>
                    <a:pt x="0" y="178467"/>
                  </a:lnTo>
                  <a:lnTo>
                    <a:pt x="0" y="0"/>
                  </a:lnTo>
                  <a:close/>
                </a:path>
              </a:pathLst>
            </a:custGeom>
            <a:solidFill>
              <a:srgbClr val="FFFFFF"/>
            </a:solidFill>
            <a:ln w="9286" cap="flat">
              <a:noFill/>
              <a:prstDash val="solid"/>
              <a:miter/>
            </a:ln>
          </p:spPr>
          <p:txBody>
            <a:bodyPr rtlCol="0" anchor="ctr"/>
            <a:lstStyle/>
            <a:p>
              <a:endParaRPr lang="en-GB"/>
            </a:p>
          </p:txBody>
        </p:sp>
        <p:sp>
          <p:nvSpPr>
            <p:cNvPr id="7" name="Freeform: Shape 6">
              <a:extLst>
                <a:ext uri="{FF2B5EF4-FFF2-40B4-BE49-F238E27FC236}">
                  <a16:creationId xmlns:a16="http://schemas.microsoft.com/office/drawing/2014/main" id="{0F909D63-037A-24E0-135C-350E8F91E84B}"/>
                </a:ext>
              </a:extLst>
            </p:cNvPr>
            <p:cNvSpPr/>
            <p:nvPr/>
          </p:nvSpPr>
          <p:spPr>
            <a:xfrm>
              <a:off x="10318348" y="5822781"/>
              <a:ext cx="176330" cy="186549"/>
            </a:xfrm>
            <a:custGeom>
              <a:avLst/>
              <a:gdLst>
                <a:gd name="connsiteX0" fmla="*/ 464 w 176330"/>
                <a:gd name="connsiteY0" fmla="*/ 63360 h 186549"/>
                <a:gd name="connsiteX1" fmla="*/ 0 w 176330"/>
                <a:gd name="connsiteY1" fmla="*/ 5295 h 186549"/>
                <a:gd name="connsiteX2" fmla="*/ 52397 w 176330"/>
                <a:gd name="connsiteY2" fmla="*/ 5295 h 186549"/>
                <a:gd name="connsiteX3" fmla="*/ 54441 w 176330"/>
                <a:gd name="connsiteY3" fmla="*/ 31401 h 186549"/>
                <a:gd name="connsiteX4" fmla="*/ 118916 w 176330"/>
                <a:gd name="connsiteY4" fmla="*/ 0 h 186549"/>
                <a:gd name="connsiteX5" fmla="*/ 176330 w 176330"/>
                <a:gd name="connsiteY5" fmla="*/ 87515 h 186549"/>
                <a:gd name="connsiteX6" fmla="*/ 176330 w 176330"/>
                <a:gd name="connsiteY6" fmla="*/ 186550 h 186549"/>
                <a:gd name="connsiteX7" fmla="*/ 122261 w 176330"/>
                <a:gd name="connsiteY7" fmla="*/ 186550 h 186549"/>
                <a:gd name="connsiteX8" fmla="*/ 122261 w 176330"/>
                <a:gd name="connsiteY8" fmla="*/ 93739 h 186549"/>
                <a:gd name="connsiteX9" fmla="*/ 93739 w 176330"/>
                <a:gd name="connsiteY9" fmla="*/ 47288 h 186549"/>
                <a:gd name="connsiteX10" fmla="*/ 54441 w 176330"/>
                <a:gd name="connsiteY10" fmla="*/ 107117 h 186549"/>
                <a:gd name="connsiteX11" fmla="*/ 54441 w 176330"/>
                <a:gd name="connsiteY11" fmla="*/ 186550 h 186549"/>
                <a:gd name="connsiteX12" fmla="*/ 372 w 176330"/>
                <a:gd name="connsiteY12" fmla="*/ 186550 h 186549"/>
                <a:gd name="connsiteX13" fmla="*/ 372 w 176330"/>
                <a:gd name="connsiteY13" fmla="*/ 63360 h 186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6330" h="186549">
                  <a:moveTo>
                    <a:pt x="464" y="63360"/>
                  </a:moveTo>
                  <a:cubicBezTo>
                    <a:pt x="464" y="44594"/>
                    <a:pt x="464" y="21832"/>
                    <a:pt x="0" y="5295"/>
                  </a:cubicBezTo>
                  <a:lnTo>
                    <a:pt x="52397" y="5295"/>
                  </a:lnTo>
                  <a:cubicBezTo>
                    <a:pt x="53605" y="11241"/>
                    <a:pt x="54255" y="24526"/>
                    <a:pt x="54441" y="31401"/>
                  </a:cubicBezTo>
                  <a:cubicBezTo>
                    <a:pt x="62338" y="16072"/>
                    <a:pt x="79246" y="0"/>
                    <a:pt x="118916" y="0"/>
                  </a:cubicBezTo>
                  <a:cubicBezTo>
                    <a:pt x="162209" y="0"/>
                    <a:pt x="176330" y="31308"/>
                    <a:pt x="176330" y="87515"/>
                  </a:cubicBezTo>
                  <a:lnTo>
                    <a:pt x="176330" y="186550"/>
                  </a:lnTo>
                  <a:lnTo>
                    <a:pt x="122261" y="186550"/>
                  </a:lnTo>
                  <a:lnTo>
                    <a:pt x="122261" y="93739"/>
                  </a:lnTo>
                  <a:cubicBezTo>
                    <a:pt x="122261" y="66519"/>
                    <a:pt x="111391" y="47288"/>
                    <a:pt x="93739" y="47288"/>
                  </a:cubicBezTo>
                  <a:cubicBezTo>
                    <a:pt x="63267" y="47288"/>
                    <a:pt x="54441" y="66705"/>
                    <a:pt x="54441" y="107117"/>
                  </a:cubicBezTo>
                  <a:lnTo>
                    <a:pt x="54441" y="186550"/>
                  </a:lnTo>
                  <a:lnTo>
                    <a:pt x="372" y="186550"/>
                  </a:lnTo>
                  <a:lnTo>
                    <a:pt x="372" y="63360"/>
                  </a:lnTo>
                  <a:close/>
                </a:path>
              </a:pathLst>
            </a:custGeom>
            <a:solidFill>
              <a:srgbClr val="FFFFFF"/>
            </a:solidFill>
            <a:ln w="9286" cap="flat">
              <a:noFill/>
              <a:prstDash val="solid"/>
              <a:miter/>
            </a:ln>
          </p:spPr>
          <p:txBody>
            <a:bodyPr rtlCol="0" anchor="ctr"/>
            <a:lstStyle/>
            <a:p>
              <a:endParaRPr lang="en-GB"/>
            </a:p>
          </p:txBody>
        </p:sp>
        <p:sp>
          <p:nvSpPr>
            <p:cNvPr id="8" name="Freeform: Shape 7">
              <a:extLst>
                <a:ext uri="{FF2B5EF4-FFF2-40B4-BE49-F238E27FC236}">
                  <a16:creationId xmlns:a16="http://schemas.microsoft.com/office/drawing/2014/main" id="{2319A8E1-C58A-ADC2-D0B3-DA2D1755F4A2}"/>
                </a:ext>
              </a:extLst>
            </p:cNvPr>
            <p:cNvSpPr/>
            <p:nvPr/>
          </p:nvSpPr>
          <p:spPr>
            <a:xfrm>
              <a:off x="10224422" y="5738425"/>
              <a:ext cx="62988" cy="62988"/>
            </a:xfrm>
            <a:custGeom>
              <a:avLst/>
              <a:gdLst>
                <a:gd name="connsiteX0" fmla="*/ 62988 w 62988"/>
                <a:gd name="connsiteY0" fmla="*/ 31494 h 62988"/>
                <a:gd name="connsiteX1" fmla="*/ 31494 w 62988"/>
                <a:gd name="connsiteY1" fmla="*/ 62988 h 62988"/>
                <a:gd name="connsiteX2" fmla="*/ 0 w 62988"/>
                <a:gd name="connsiteY2" fmla="*/ 31494 h 62988"/>
                <a:gd name="connsiteX3" fmla="*/ 31494 w 62988"/>
                <a:gd name="connsiteY3" fmla="*/ 0 h 62988"/>
                <a:gd name="connsiteX4" fmla="*/ 62988 w 62988"/>
                <a:gd name="connsiteY4" fmla="*/ 31494 h 6298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988" h="62988">
                  <a:moveTo>
                    <a:pt x="62988" y="31494"/>
                  </a:moveTo>
                  <a:cubicBezTo>
                    <a:pt x="62988" y="48888"/>
                    <a:pt x="48888" y="62988"/>
                    <a:pt x="31494" y="62988"/>
                  </a:cubicBezTo>
                  <a:cubicBezTo>
                    <a:pt x="14100" y="62988"/>
                    <a:pt x="0" y="48888"/>
                    <a:pt x="0" y="31494"/>
                  </a:cubicBezTo>
                  <a:cubicBezTo>
                    <a:pt x="0" y="14100"/>
                    <a:pt x="14100" y="0"/>
                    <a:pt x="31494" y="0"/>
                  </a:cubicBezTo>
                  <a:cubicBezTo>
                    <a:pt x="48888" y="0"/>
                    <a:pt x="62988" y="14100"/>
                    <a:pt x="62988" y="31494"/>
                  </a:cubicBezTo>
                  <a:close/>
                </a:path>
              </a:pathLst>
            </a:custGeom>
            <a:solidFill>
              <a:srgbClr val="FFFFFF"/>
            </a:solidFill>
            <a:ln w="9286" cap="flat">
              <a:noFill/>
              <a:prstDash val="solid"/>
              <a:miter/>
            </a:ln>
          </p:spPr>
          <p:txBody>
            <a:bodyPr rtlCol="0" anchor="ctr"/>
            <a:lstStyle/>
            <a:p>
              <a:endParaRPr lang="en-GB"/>
            </a:p>
          </p:txBody>
        </p:sp>
      </p:grpSp>
      <p:sp>
        <p:nvSpPr>
          <p:cNvPr id="9" name="Freeform: Shape 8">
            <a:extLst>
              <a:ext uri="{FF2B5EF4-FFF2-40B4-BE49-F238E27FC236}">
                <a16:creationId xmlns:a16="http://schemas.microsoft.com/office/drawing/2014/main" id="{32243648-1407-15B1-C4EB-BC996F2DD871}"/>
              </a:ext>
            </a:extLst>
          </p:cNvPr>
          <p:cNvSpPr/>
          <p:nvPr userDrawn="1"/>
        </p:nvSpPr>
        <p:spPr>
          <a:xfrm>
            <a:off x="11251091" y="5770474"/>
            <a:ext cx="288371" cy="206616"/>
          </a:xfrm>
          <a:custGeom>
            <a:avLst/>
            <a:gdLst>
              <a:gd name="connsiteX0" fmla="*/ 223804 w 288371"/>
              <a:gd name="connsiteY0" fmla="*/ 0 h 206616"/>
              <a:gd name="connsiteX1" fmla="*/ 64568 w 288371"/>
              <a:gd name="connsiteY1" fmla="*/ 0 h 206616"/>
              <a:gd name="connsiteX2" fmla="*/ 0 w 288371"/>
              <a:gd name="connsiteY2" fmla="*/ 64568 h 206616"/>
              <a:gd name="connsiteX3" fmla="*/ 0 w 288371"/>
              <a:gd name="connsiteY3" fmla="*/ 142049 h 206616"/>
              <a:gd name="connsiteX4" fmla="*/ 64568 w 288371"/>
              <a:gd name="connsiteY4" fmla="*/ 206617 h 206616"/>
              <a:gd name="connsiteX5" fmla="*/ 223804 w 288371"/>
              <a:gd name="connsiteY5" fmla="*/ 206617 h 206616"/>
              <a:gd name="connsiteX6" fmla="*/ 288372 w 288371"/>
              <a:gd name="connsiteY6" fmla="*/ 142049 h 206616"/>
              <a:gd name="connsiteX7" fmla="*/ 288372 w 288371"/>
              <a:gd name="connsiteY7" fmla="*/ 64568 h 206616"/>
              <a:gd name="connsiteX8" fmla="*/ 223804 w 288371"/>
              <a:gd name="connsiteY8" fmla="*/ 0 h 206616"/>
              <a:gd name="connsiteX9" fmla="*/ 153012 w 288371"/>
              <a:gd name="connsiteY9" fmla="*/ 126999 h 206616"/>
              <a:gd name="connsiteX10" fmla="*/ 113899 w 288371"/>
              <a:gd name="connsiteY10" fmla="*/ 150689 h 206616"/>
              <a:gd name="connsiteX11" fmla="*/ 113899 w 288371"/>
              <a:gd name="connsiteY11" fmla="*/ 56021 h 206616"/>
              <a:gd name="connsiteX12" fmla="*/ 153012 w 288371"/>
              <a:gd name="connsiteY12" fmla="*/ 79711 h 206616"/>
              <a:gd name="connsiteX13" fmla="*/ 192124 w 288371"/>
              <a:gd name="connsiteY13" fmla="*/ 103401 h 206616"/>
              <a:gd name="connsiteX14" fmla="*/ 153012 w 288371"/>
              <a:gd name="connsiteY14" fmla="*/ 127092 h 2066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88371" h="206616">
                <a:moveTo>
                  <a:pt x="223804" y="0"/>
                </a:moveTo>
                <a:lnTo>
                  <a:pt x="64568" y="0"/>
                </a:lnTo>
                <a:cubicBezTo>
                  <a:pt x="28893" y="0"/>
                  <a:pt x="0" y="28893"/>
                  <a:pt x="0" y="64568"/>
                </a:cubicBezTo>
                <a:lnTo>
                  <a:pt x="0" y="142049"/>
                </a:lnTo>
                <a:cubicBezTo>
                  <a:pt x="0" y="177724"/>
                  <a:pt x="28893" y="206617"/>
                  <a:pt x="64568" y="206617"/>
                </a:cubicBezTo>
                <a:lnTo>
                  <a:pt x="223804" y="206617"/>
                </a:lnTo>
                <a:cubicBezTo>
                  <a:pt x="259479" y="206617"/>
                  <a:pt x="288372" y="177724"/>
                  <a:pt x="288372" y="142049"/>
                </a:cubicBezTo>
                <a:lnTo>
                  <a:pt x="288372" y="64568"/>
                </a:lnTo>
                <a:cubicBezTo>
                  <a:pt x="288372" y="28893"/>
                  <a:pt x="259479" y="0"/>
                  <a:pt x="223804" y="0"/>
                </a:cubicBezTo>
                <a:close/>
                <a:moveTo>
                  <a:pt x="153012" y="126999"/>
                </a:moveTo>
                <a:lnTo>
                  <a:pt x="113899" y="150689"/>
                </a:lnTo>
                <a:lnTo>
                  <a:pt x="113899" y="56021"/>
                </a:lnTo>
                <a:lnTo>
                  <a:pt x="153012" y="79711"/>
                </a:lnTo>
                <a:lnTo>
                  <a:pt x="192124" y="103401"/>
                </a:lnTo>
                <a:lnTo>
                  <a:pt x="153012" y="127092"/>
                </a:lnTo>
                <a:close/>
              </a:path>
            </a:pathLst>
          </a:custGeom>
          <a:solidFill>
            <a:srgbClr val="FFFFFF"/>
          </a:solidFill>
          <a:ln w="9286" cap="flat">
            <a:noFill/>
            <a:prstDash val="solid"/>
            <a:miter/>
          </a:ln>
        </p:spPr>
        <p:txBody>
          <a:bodyPr rtlCol="0" anchor="ctr"/>
          <a:lstStyle/>
          <a:p>
            <a:endParaRPr lang="en-GB"/>
          </a:p>
        </p:txBody>
      </p:sp>
      <p:sp>
        <p:nvSpPr>
          <p:cNvPr id="10" name="Freeform: Shape 9">
            <a:extLst>
              <a:ext uri="{FF2B5EF4-FFF2-40B4-BE49-F238E27FC236}">
                <a16:creationId xmlns:a16="http://schemas.microsoft.com/office/drawing/2014/main" id="{D756A37F-4A0D-BCD4-C3D9-6DDD2F5C84AE}"/>
              </a:ext>
            </a:extLst>
          </p:cNvPr>
          <p:cNvSpPr/>
          <p:nvPr userDrawn="1"/>
        </p:nvSpPr>
        <p:spPr>
          <a:xfrm>
            <a:off x="9659014" y="5734337"/>
            <a:ext cx="279081" cy="279081"/>
          </a:xfrm>
          <a:custGeom>
            <a:avLst/>
            <a:gdLst>
              <a:gd name="connsiteX0" fmla="*/ 33352 w 279081"/>
              <a:gd name="connsiteY0" fmla="*/ 78410 h 279081"/>
              <a:gd name="connsiteX1" fmla="*/ 33074 w 279081"/>
              <a:gd name="connsiteY1" fmla="*/ 78875 h 279081"/>
              <a:gd name="connsiteX2" fmla="*/ 17373 w 279081"/>
              <a:gd name="connsiteY2" fmla="*/ 130157 h 279081"/>
              <a:gd name="connsiteX3" fmla="*/ 17373 w 279081"/>
              <a:gd name="connsiteY3" fmla="*/ 130994 h 279081"/>
              <a:gd name="connsiteX4" fmla="*/ 61409 w 279081"/>
              <a:gd name="connsiteY4" fmla="*/ 130994 h 279081"/>
              <a:gd name="connsiteX5" fmla="*/ 61409 w 279081"/>
              <a:gd name="connsiteY5" fmla="*/ 130250 h 279081"/>
              <a:gd name="connsiteX6" fmla="*/ 67355 w 279081"/>
              <a:gd name="connsiteY6" fmla="*/ 85006 h 279081"/>
              <a:gd name="connsiteX7" fmla="*/ 67541 w 279081"/>
              <a:gd name="connsiteY7" fmla="*/ 84263 h 279081"/>
              <a:gd name="connsiteX8" fmla="*/ 66705 w 279081"/>
              <a:gd name="connsiteY8" fmla="*/ 84263 h 279081"/>
              <a:gd name="connsiteX9" fmla="*/ 33817 w 279081"/>
              <a:gd name="connsiteY9" fmla="*/ 78596 h 279081"/>
              <a:gd name="connsiteX10" fmla="*/ 33259 w 279081"/>
              <a:gd name="connsiteY10" fmla="*/ 78596 h 279081"/>
              <a:gd name="connsiteX11" fmla="*/ 211634 w 279081"/>
              <a:gd name="connsiteY11" fmla="*/ 84356 h 279081"/>
              <a:gd name="connsiteX12" fmla="*/ 211819 w 279081"/>
              <a:gd name="connsiteY12" fmla="*/ 85099 h 279081"/>
              <a:gd name="connsiteX13" fmla="*/ 217672 w 279081"/>
              <a:gd name="connsiteY13" fmla="*/ 130065 h 279081"/>
              <a:gd name="connsiteX14" fmla="*/ 217672 w 279081"/>
              <a:gd name="connsiteY14" fmla="*/ 130808 h 279081"/>
              <a:gd name="connsiteX15" fmla="*/ 261708 w 279081"/>
              <a:gd name="connsiteY15" fmla="*/ 130808 h 279081"/>
              <a:gd name="connsiteX16" fmla="*/ 261708 w 279081"/>
              <a:gd name="connsiteY16" fmla="*/ 129972 h 279081"/>
              <a:gd name="connsiteX17" fmla="*/ 246008 w 279081"/>
              <a:gd name="connsiteY17" fmla="*/ 78782 h 279081"/>
              <a:gd name="connsiteX18" fmla="*/ 245729 w 279081"/>
              <a:gd name="connsiteY18" fmla="*/ 78317 h 279081"/>
              <a:gd name="connsiteX19" fmla="*/ 245172 w 279081"/>
              <a:gd name="connsiteY19" fmla="*/ 78317 h 279081"/>
              <a:gd name="connsiteX20" fmla="*/ 212377 w 279081"/>
              <a:gd name="connsiteY20" fmla="*/ 84170 h 279081"/>
              <a:gd name="connsiteX21" fmla="*/ 211541 w 279081"/>
              <a:gd name="connsiteY21" fmla="*/ 84170 h 279081"/>
              <a:gd name="connsiteX22" fmla="*/ 185528 w 279081"/>
              <a:gd name="connsiteY22" fmla="*/ 25920 h 279081"/>
              <a:gd name="connsiteX23" fmla="*/ 187107 w 279081"/>
              <a:gd name="connsiteY23" fmla="*/ 28150 h 279081"/>
              <a:gd name="connsiteX24" fmla="*/ 196304 w 279081"/>
              <a:gd name="connsiteY24" fmla="*/ 42921 h 279081"/>
              <a:gd name="connsiteX25" fmla="*/ 206710 w 279081"/>
              <a:gd name="connsiteY25" fmla="*/ 67448 h 279081"/>
              <a:gd name="connsiteX26" fmla="*/ 206895 w 279081"/>
              <a:gd name="connsiteY26" fmla="*/ 68005 h 279081"/>
              <a:gd name="connsiteX27" fmla="*/ 207546 w 279081"/>
              <a:gd name="connsiteY27" fmla="*/ 68005 h 279081"/>
              <a:gd name="connsiteX28" fmla="*/ 234209 w 279081"/>
              <a:gd name="connsiteY28" fmla="*/ 63546 h 279081"/>
              <a:gd name="connsiteX29" fmla="*/ 235417 w 279081"/>
              <a:gd name="connsiteY29" fmla="*/ 63267 h 279081"/>
              <a:gd name="connsiteX30" fmla="*/ 234674 w 279081"/>
              <a:gd name="connsiteY30" fmla="*/ 62338 h 279081"/>
              <a:gd name="connsiteX31" fmla="*/ 226219 w 279081"/>
              <a:gd name="connsiteY31" fmla="*/ 52955 h 279081"/>
              <a:gd name="connsiteX32" fmla="*/ 188129 w 279081"/>
              <a:gd name="connsiteY32" fmla="*/ 27035 h 279081"/>
              <a:gd name="connsiteX33" fmla="*/ 185621 w 279081"/>
              <a:gd name="connsiteY33" fmla="*/ 25920 h 279081"/>
              <a:gd name="connsiteX34" fmla="*/ 93554 w 279081"/>
              <a:gd name="connsiteY34" fmla="*/ 25920 h 279081"/>
              <a:gd name="connsiteX35" fmla="*/ 91045 w 279081"/>
              <a:gd name="connsiteY35" fmla="*/ 27035 h 279081"/>
              <a:gd name="connsiteX36" fmla="*/ 52955 w 279081"/>
              <a:gd name="connsiteY36" fmla="*/ 52955 h 279081"/>
              <a:gd name="connsiteX37" fmla="*/ 44594 w 279081"/>
              <a:gd name="connsiteY37" fmla="*/ 62245 h 279081"/>
              <a:gd name="connsiteX38" fmla="*/ 43850 w 279081"/>
              <a:gd name="connsiteY38" fmla="*/ 63174 h 279081"/>
              <a:gd name="connsiteX39" fmla="*/ 45058 w 279081"/>
              <a:gd name="connsiteY39" fmla="*/ 63360 h 279081"/>
              <a:gd name="connsiteX40" fmla="*/ 71628 w 279081"/>
              <a:gd name="connsiteY40" fmla="*/ 67541 h 279081"/>
              <a:gd name="connsiteX41" fmla="*/ 72186 w 279081"/>
              <a:gd name="connsiteY41" fmla="*/ 67541 h 279081"/>
              <a:gd name="connsiteX42" fmla="*/ 72372 w 279081"/>
              <a:gd name="connsiteY42" fmla="*/ 67076 h 279081"/>
              <a:gd name="connsiteX43" fmla="*/ 82684 w 279081"/>
              <a:gd name="connsiteY43" fmla="*/ 42828 h 279081"/>
              <a:gd name="connsiteX44" fmla="*/ 91881 w 279081"/>
              <a:gd name="connsiteY44" fmla="*/ 28057 h 279081"/>
              <a:gd name="connsiteX45" fmla="*/ 93461 w 279081"/>
              <a:gd name="connsiteY45" fmla="*/ 25827 h 279081"/>
              <a:gd name="connsiteX46" fmla="*/ 93554 w 279081"/>
              <a:gd name="connsiteY46" fmla="*/ 253068 h 279081"/>
              <a:gd name="connsiteX47" fmla="*/ 91974 w 279081"/>
              <a:gd name="connsiteY47" fmla="*/ 250839 h 279081"/>
              <a:gd name="connsiteX48" fmla="*/ 82777 w 279081"/>
              <a:gd name="connsiteY48" fmla="*/ 236067 h 279081"/>
              <a:gd name="connsiteX49" fmla="*/ 72557 w 279081"/>
              <a:gd name="connsiteY49" fmla="*/ 212005 h 279081"/>
              <a:gd name="connsiteX50" fmla="*/ 72372 w 279081"/>
              <a:gd name="connsiteY50" fmla="*/ 211448 h 279081"/>
              <a:gd name="connsiteX51" fmla="*/ 71721 w 279081"/>
              <a:gd name="connsiteY51" fmla="*/ 211448 h 279081"/>
              <a:gd name="connsiteX52" fmla="*/ 45615 w 279081"/>
              <a:gd name="connsiteY52" fmla="*/ 216279 h 279081"/>
              <a:gd name="connsiteX53" fmla="*/ 44408 w 279081"/>
              <a:gd name="connsiteY53" fmla="*/ 216557 h 279081"/>
              <a:gd name="connsiteX54" fmla="*/ 45151 w 279081"/>
              <a:gd name="connsiteY54" fmla="*/ 217486 h 279081"/>
              <a:gd name="connsiteX55" fmla="*/ 52955 w 279081"/>
              <a:gd name="connsiteY55" fmla="*/ 226126 h 279081"/>
              <a:gd name="connsiteX56" fmla="*/ 91045 w 279081"/>
              <a:gd name="connsiteY56" fmla="*/ 252046 h 279081"/>
              <a:gd name="connsiteX57" fmla="*/ 93554 w 279081"/>
              <a:gd name="connsiteY57" fmla="*/ 253161 h 279081"/>
              <a:gd name="connsiteX58" fmla="*/ 185528 w 279081"/>
              <a:gd name="connsiteY58" fmla="*/ 253068 h 279081"/>
              <a:gd name="connsiteX59" fmla="*/ 188036 w 279081"/>
              <a:gd name="connsiteY59" fmla="*/ 251954 h 279081"/>
              <a:gd name="connsiteX60" fmla="*/ 226126 w 279081"/>
              <a:gd name="connsiteY60" fmla="*/ 226034 h 279081"/>
              <a:gd name="connsiteX61" fmla="*/ 234116 w 279081"/>
              <a:gd name="connsiteY61" fmla="*/ 217301 h 279081"/>
              <a:gd name="connsiteX62" fmla="*/ 234859 w 279081"/>
              <a:gd name="connsiteY62" fmla="*/ 216372 h 279081"/>
              <a:gd name="connsiteX63" fmla="*/ 233652 w 279081"/>
              <a:gd name="connsiteY63" fmla="*/ 216093 h 279081"/>
              <a:gd name="connsiteX64" fmla="*/ 207546 w 279081"/>
              <a:gd name="connsiteY64" fmla="*/ 211169 h 279081"/>
              <a:gd name="connsiteX65" fmla="*/ 206895 w 279081"/>
              <a:gd name="connsiteY65" fmla="*/ 211169 h 279081"/>
              <a:gd name="connsiteX66" fmla="*/ 206710 w 279081"/>
              <a:gd name="connsiteY66" fmla="*/ 211634 h 279081"/>
              <a:gd name="connsiteX67" fmla="*/ 196397 w 279081"/>
              <a:gd name="connsiteY67" fmla="*/ 235974 h 279081"/>
              <a:gd name="connsiteX68" fmla="*/ 187200 w 279081"/>
              <a:gd name="connsiteY68" fmla="*/ 250746 h 279081"/>
              <a:gd name="connsiteX69" fmla="*/ 185621 w 279081"/>
              <a:gd name="connsiteY69" fmla="*/ 252975 h 279081"/>
              <a:gd name="connsiteX70" fmla="*/ 211634 w 279081"/>
              <a:gd name="connsiteY70" fmla="*/ 194632 h 279081"/>
              <a:gd name="connsiteX71" fmla="*/ 212377 w 279081"/>
              <a:gd name="connsiteY71" fmla="*/ 194632 h 279081"/>
              <a:gd name="connsiteX72" fmla="*/ 244707 w 279081"/>
              <a:gd name="connsiteY72" fmla="*/ 201136 h 279081"/>
              <a:gd name="connsiteX73" fmla="*/ 245264 w 279081"/>
              <a:gd name="connsiteY73" fmla="*/ 201136 h 279081"/>
              <a:gd name="connsiteX74" fmla="*/ 245543 w 279081"/>
              <a:gd name="connsiteY74" fmla="*/ 200764 h 279081"/>
              <a:gd name="connsiteX75" fmla="*/ 261615 w 279081"/>
              <a:gd name="connsiteY75" fmla="*/ 148738 h 279081"/>
              <a:gd name="connsiteX76" fmla="*/ 261615 w 279081"/>
              <a:gd name="connsiteY76" fmla="*/ 147902 h 279081"/>
              <a:gd name="connsiteX77" fmla="*/ 217672 w 279081"/>
              <a:gd name="connsiteY77" fmla="*/ 147902 h 279081"/>
              <a:gd name="connsiteX78" fmla="*/ 217672 w 279081"/>
              <a:gd name="connsiteY78" fmla="*/ 148645 h 279081"/>
              <a:gd name="connsiteX79" fmla="*/ 211726 w 279081"/>
              <a:gd name="connsiteY79" fmla="*/ 193796 h 279081"/>
              <a:gd name="connsiteX80" fmla="*/ 211541 w 279081"/>
              <a:gd name="connsiteY80" fmla="*/ 194539 h 279081"/>
              <a:gd name="connsiteX81" fmla="*/ 33817 w 279081"/>
              <a:gd name="connsiteY81" fmla="*/ 201321 h 279081"/>
              <a:gd name="connsiteX82" fmla="*/ 34374 w 279081"/>
              <a:gd name="connsiteY82" fmla="*/ 201321 h 279081"/>
              <a:gd name="connsiteX83" fmla="*/ 66797 w 279081"/>
              <a:gd name="connsiteY83" fmla="*/ 195004 h 279081"/>
              <a:gd name="connsiteX84" fmla="*/ 67541 w 279081"/>
              <a:gd name="connsiteY84" fmla="*/ 195004 h 279081"/>
              <a:gd name="connsiteX85" fmla="*/ 67355 w 279081"/>
              <a:gd name="connsiteY85" fmla="*/ 194075 h 279081"/>
              <a:gd name="connsiteX86" fmla="*/ 61409 w 279081"/>
              <a:gd name="connsiteY86" fmla="*/ 148645 h 279081"/>
              <a:gd name="connsiteX87" fmla="*/ 61409 w 279081"/>
              <a:gd name="connsiteY87" fmla="*/ 147902 h 279081"/>
              <a:gd name="connsiteX88" fmla="*/ 17373 w 279081"/>
              <a:gd name="connsiteY88" fmla="*/ 147902 h 279081"/>
              <a:gd name="connsiteX89" fmla="*/ 17373 w 279081"/>
              <a:gd name="connsiteY89" fmla="*/ 148738 h 279081"/>
              <a:gd name="connsiteX90" fmla="*/ 33631 w 279081"/>
              <a:gd name="connsiteY90" fmla="*/ 200857 h 279081"/>
              <a:gd name="connsiteX91" fmla="*/ 33910 w 279081"/>
              <a:gd name="connsiteY91" fmla="*/ 201321 h 279081"/>
              <a:gd name="connsiteX92" fmla="*/ 131830 w 279081"/>
              <a:gd name="connsiteY92" fmla="*/ 72279 h 279081"/>
              <a:gd name="connsiteX93" fmla="*/ 131830 w 279081"/>
              <a:gd name="connsiteY93" fmla="*/ 18023 h 279081"/>
              <a:gd name="connsiteX94" fmla="*/ 130901 w 279081"/>
              <a:gd name="connsiteY94" fmla="*/ 18302 h 279081"/>
              <a:gd name="connsiteX95" fmla="*/ 97734 w 279081"/>
              <a:gd name="connsiteY95" fmla="*/ 50911 h 279081"/>
              <a:gd name="connsiteX96" fmla="*/ 89837 w 279081"/>
              <a:gd name="connsiteY96" fmla="*/ 68841 h 279081"/>
              <a:gd name="connsiteX97" fmla="*/ 89559 w 279081"/>
              <a:gd name="connsiteY97" fmla="*/ 69770 h 279081"/>
              <a:gd name="connsiteX98" fmla="*/ 90488 w 279081"/>
              <a:gd name="connsiteY98" fmla="*/ 69770 h 279081"/>
              <a:gd name="connsiteX99" fmla="*/ 131179 w 279081"/>
              <a:gd name="connsiteY99" fmla="*/ 72279 h 279081"/>
              <a:gd name="connsiteX100" fmla="*/ 131923 w 279081"/>
              <a:gd name="connsiteY100" fmla="*/ 72279 h 279081"/>
              <a:gd name="connsiteX101" fmla="*/ 84542 w 279081"/>
              <a:gd name="connsiteY101" fmla="*/ 86307 h 279081"/>
              <a:gd name="connsiteX102" fmla="*/ 84356 w 279081"/>
              <a:gd name="connsiteY102" fmla="*/ 86957 h 279081"/>
              <a:gd name="connsiteX103" fmla="*/ 78410 w 279081"/>
              <a:gd name="connsiteY103" fmla="*/ 130250 h 279081"/>
              <a:gd name="connsiteX104" fmla="*/ 78410 w 279081"/>
              <a:gd name="connsiteY104" fmla="*/ 130994 h 279081"/>
              <a:gd name="connsiteX105" fmla="*/ 131737 w 279081"/>
              <a:gd name="connsiteY105" fmla="*/ 130994 h 279081"/>
              <a:gd name="connsiteX106" fmla="*/ 131737 w 279081"/>
              <a:gd name="connsiteY106" fmla="*/ 89280 h 279081"/>
              <a:gd name="connsiteX107" fmla="*/ 130994 w 279081"/>
              <a:gd name="connsiteY107" fmla="*/ 89280 h 279081"/>
              <a:gd name="connsiteX108" fmla="*/ 85006 w 279081"/>
              <a:gd name="connsiteY108" fmla="*/ 86400 h 279081"/>
              <a:gd name="connsiteX109" fmla="*/ 84356 w 279081"/>
              <a:gd name="connsiteY109" fmla="*/ 86400 h 279081"/>
              <a:gd name="connsiteX110" fmla="*/ 131830 w 279081"/>
              <a:gd name="connsiteY110" fmla="*/ 189244 h 279081"/>
              <a:gd name="connsiteX111" fmla="*/ 131830 w 279081"/>
              <a:gd name="connsiteY111" fmla="*/ 147995 h 279081"/>
              <a:gd name="connsiteX112" fmla="*/ 78410 w 279081"/>
              <a:gd name="connsiteY112" fmla="*/ 147995 h 279081"/>
              <a:gd name="connsiteX113" fmla="*/ 78410 w 279081"/>
              <a:gd name="connsiteY113" fmla="*/ 148738 h 279081"/>
              <a:gd name="connsiteX114" fmla="*/ 84356 w 279081"/>
              <a:gd name="connsiteY114" fmla="*/ 191938 h 279081"/>
              <a:gd name="connsiteX115" fmla="*/ 84542 w 279081"/>
              <a:gd name="connsiteY115" fmla="*/ 192588 h 279081"/>
              <a:gd name="connsiteX116" fmla="*/ 85192 w 279081"/>
              <a:gd name="connsiteY116" fmla="*/ 192588 h 279081"/>
              <a:gd name="connsiteX117" fmla="*/ 131179 w 279081"/>
              <a:gd name="connsiteY117" fmla="*/ 189244 h 279081"/>
              <a:gd name="connsiteX118" fmla="*/ 131923 w 279081"/>
              <a:gd name="connsiteY118" fmla="*/ 189244 h 279081"/>
              <a:gd name="connsiteX119" fmla="*/ 131830 w 279081"/>
              <a:gd name="connsiteY119" fmla="*/ 260965 h 279081"/>
              <a:gd name="connsiteX120" fmla="*/ 131830 w 279081"/>
              <a:gd name="connsiteY120" fmla="*/ 206245 h 279081"/>
              <a:gd name="connsiteX121" fmla="*/ 131086 w 279081"/>
              <a:gd name="connsiteY121" fmla="*/ 206245 h 279081"/>
              <a:gd name="connsiteX122" fmla="*/ 90395 w 279081"/>
              <a:gd name="connsiteY122" fmla="*/ 209032 h 279081"/>
              <a:gd name="connsiteX123" fmla="*/ 89466 w 279081"/>
              <a:gd name="connsiteY123" fmla="*/ 209032 h 279081"/>
              <a:gd name="connsiteX124" fmla="*/ 89745 w 279081"/>
              <a:gd name="connsiteY124" fmla="*/ 210054 h 279081"/>
              <a:gd name="connsiteX125" fmla="*/ 97734 w 279081"/>
              <a:gd name="connsiteY125" fmla="*/ 228170 h 279081"/>
              <a:gd name="connsiteX126" fmla="*/ 130901 w 279081"/>
              <a:gd name="connsiteY126" fmla="*/ 260779 h 279081"/>
              <a:gd name="connsiteX127" fmla="*/ 131830 w 279081"/>
              <a:gd name="connsiteY127" fmla="*/ 261058 h 279081"/>
              <a:gd name="connsiteX128" fmla="*/ 148924 w 279081"/>
              <a:gd name="connsiteY128" fmla="*/ 206245 h 279081"/>
              <a:gd name="connsiteX129" fmla="*/ 148924 w 279081"/>
              <a:gd name="connsiteY129" fmla="*/ 260501 h 279081"/>
              <a:gd name="connsiteX130" fmla="*/ 149946 w 279081"/>
              <a:gd name="connsiteY130" fmla="*/ 260129 h 279081"/>
              <a:gd name="connsiteX131" fmla="*/ 181440 w 279081"/>
              <a:gd name="connsiteY131" fmla="*/ 228077 h 279081"/>
              <a:gd name="connsiteX132" fmla="*/ 189523 w 279081"/>
              <a:gd name="connsiteY132" fmla="*/ 209683 h 279081"/>
              <a:gd name="connsiteX133" fmla="*/ 189801 w 279081"/>
              <a:gd name="connsiteY133" fmla="*/ 208846 h 279081"/>
              <a:gd name="connsiteX134" fmla="*/ 188872 w 279081"/>
              <a:gd name="connsiteY134" fmla="*/ 208846 h 279081"/>
              <a:gd name="connsiteX135" fmla="*/ 149667 w 279081"/>
              <a:gd name="connsiteY135" fmla="*/ 206245 h 279081"/>
              <a:gd name="connsiteX136" fmla="*/ 148924 w 279081"/>
              <a:gd name="connsiteY136" fmla="*/ 206245 h 279081"/>
              <a:gd name="connsiteX137" fmla="*/ 194725 w 279081"/>
              <a:gd name="connsiteY137" fmla="*/ 192310 h 279081"/>
              <a:gd name="connsiteX138" fmla="*/ 194911 w 279081"/>
              <a:gd name="connsiteY138" fmla="*/ 191659 h 279081"/>
              <a:gd name="connsiteX139" fmla="*/ 200671 w 279081"/>
              <a:gd name="connsiteY139" fmla="*/ 148738 h 279081"/>
              <a:gd name="connsiteX140" fmla="*/ 200671 w 279081"/>
              <a:gd name="connsiteY140" fmla="*/ 147995 h 279081"/>
              <a:gd name="connsiteX141" fmla="*/ 148924 w 279081"/>
              <a:gd name="connsiteY141" fmla="*/ 147995 h 279081"/>
              <a:gd name="connsiteX142" fmla="*/ 148924 w 279081"/>
              <a:gd name="connsiteY142" fmla="*/ 189151 h 279081"/>
              <a:gd name="connsiteX143" fmla="*/ 149667 w 279081"/>
              <a:gd name="connsiteY143" fmla="*/ 189151 h 279081"/>
              <a:gd name="connsiteX144" fmla="*/ 194075 w 279081"/>
              <a:gd name="connsiteY144" fmla="*/ 192217 h 279081"/>
              <a:gd name="connsiteX145" fmla="*/ 194725 w 279081"/>
              <a:gd name="connsiteY145" fmla="*/ 192217 h 279081"/>
              <a:gd name="connsiteX146" fmla="*/ 194725 w 279081"/>
              <a:gd name="connsiteY146" fmla="*/ 86679 h 279081"/>
              <a:gd name="connsiteX147" fmla="*/ 194075 w 279081"/>
              <a:gd name="connsiteY147" fmla="*/ 86679 h 279081"/>
              <a:gd name="connsiteX148" fmla="*/ 149667 w 279081"/>
              <a:gd name="connsiteY148" fmla="*/ 89373 h 279081"/>
              <a:gd name="connsiteX149" fmla="*/ 148924 w 279081"/>
              <a:gd name="connsiteY149" fmla="*/ 89373 h 279081"/>
              <a:gd name="connsiteX150" fmla="*/ 148924 w 279081"/>
              <a:gd name="connsiteY150" fmla="*/ 131086 h 279081"/>
              <a:gd name="connsiteX151" fmla="*/ 200671 w 279081"/>
              <a:gd name="connsiteY151" fmla="*/ 131086 h 279081"/>
              <a:gd name="connsiteX152" fmla="*/ 200671 w 279081"/>
              <a:gd name="connsiteY152" fmla="*/ 130343 h 279081"/>
              <a:gd name="connsiteX153" fmla="*/ 194818 w 279081"/>
              <a:gd name="connsiteY153" fmla="*/ 87329 h 279081"/>
              <a:gd name="connsiteX154" fmla="*/ 194632 w 279081"/>
              <a:gd name="connsiteY154" fmla="*/ 86679 h 279081"/>
              <a:gd name="connsiteX155" fmla="*/ 189801 w 279081"/>
              <a:gd name="connsiteY155" fmla="*/ 70049 h 279081"/>
              <a:gd name="connsiteX156" fmla="*/ 189523 w 279081"/>
              <a:gd name="connsiteY156" fmla="*/ 69120 h 279081"/>
              <a:gd name="connsiteX157" fmla="*/ 181533 w 279081"/>
              <a:gd name="connsiteY157" fmla="*/ 50911 h 279081"/>
              <a:gd name="connsiteX158" fmla="*/ 150039 w 279081"/>
              <a:gd name="connsiteY158" fmla="*/ 18859 h 279081"/>
              <a:gd name="connsiteX159" fmla="*/ 149017 w 279081"/>
              <a:gd name="connsiteY159" fmla="*/ 18488 h 279081"/>
              <a:gd name="connsiteX160" fmla="*/ 149017 w 279081"/>
              <a:gd name="connsiteY160" fmla="*/ 72279 h 279081"/>
              <a:gd name="connsiteX161" fmla="*/ 149760 w 279081"/>
              <a:gd name="connsiteY161" fmla="*/ 72279 h 279081"/>
              <a:gd name="connsiteX162" fmla="*/ 188872 w 279081"/>
              <a:gd name="connsiteY162" fmla="*/ 70049 h 279081"/>
              <a:gd name="connsiteX163" fmla="*/ 189801 w 279081"/>
              <a:gd name="connsiteY163" fmla="*/ 70049 h 279081"/>
              <a:gd name="connsiteX164" fmla="*/ 139541 w 279081"/>
              <a:gd name="connsiteY164" fmla="*/ 0 h 279081"/>
              <a:gd name="connsiteX165" fmla="*/ 238204 w 279081"/>
              <a:gd name="connsiteY165" fmla="*/ 40877 h 279081"/>
              <a:gd name="connsiteX166" fmla="*/ 279081 w 279081"/>
              <a:gd name="connsiteY166" fmla="*/ 139541 h 279081"/>
              <a:gd name="connsiteX167" fmla="*/ 238204 w 279081"/>
              <a:gd name="connsiteY167" fmla="*/ 238204 h 279081"/>
              <a:gd name="connsiteX168" fmla="*/ 139541 w 279081"/>
              <a:gd name="connsiteY168" fmla="*/ 279081 h 279081"/>
              <a:gd name="connsiteX169" fmla="*/ 40877 w 279081"/>
              <a:gd name="connsiteY169" fmla="*/ 238204 h 279081"/>
              <a:gd name="connsiteX170" fmla="*/ 0 w 279081"/>
              <a:gd name="connsiteY170" fmla="*/ 139541 h 279081"/>
              <a:gd name="connsiteX171" fmla="*/ 40877 w 279081"/>
              <a:gd name="connsiteY171" fmla="*/ 40877 h 279081"/>
              <a:gd name="connsiteX172" fmla="*/ 139541 w 279081"/>
              <a:gd name="connsiteY172" fmla="*/ 0 h 2790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Lst>
            <a:rect l="l" t="t" r="r" b="b"/>
            <a:pathLst>
              <a:path w="279081" h="279081">
                <a:moveTo>
                  <a:pt x="33352" y="78410"/>
                </a:moveTo>
                <a:lnTo>
                  <a:pt x="33074" y="78875"/>
                </a:lnTo>
                <a:cubicBezTo>
                  <a:pt x="24062" y="94575"/>
                  <a:pt x="18766" y="112134"/>
                  <a:pt x="17373" y="130157"/>
                </a:cubicBezTo>
                <a:lnTo>
                  <a:pt x="17373" y="130994"/>
                </a:lnTo>
                <a:lnTo>
                  <a:pt x="61409" y="130994"/>
                </a:lnTo>
                <a:lnTo>
                  <a:pt x="61409" y="130250"/>
                </a:lnTo>
                <a:cubicBezTo>
                  <a:pt x="61966" y="115014"/>
                  <a:pt x="63917" y="99778"/>
                  <a:pt x="67355" y="85006"/>
                </a:cubicBezTo>
                <a:lnTo>
                  <a:pt x="67541" y="84263"/>
                </a:lnTo>
                <a:lnTo>
                  <a:pt x="66705" y="84263"/>
                </a:lnTo>
                <a:cubicBezTo>
                  <a:pt x="55742" y="82591"/>
                  <a:pt x="44779" y="80733"/>
                  <a:pt x="33817" y="78596"/>
                </a:cubicBezTo>
                <a:lnTo>
                  <a:pt x="33259" y="78596"/>
                </a:lnTo>
                <a:close/>
                <a:moveTo>
                  <a:pt x="211634" y="84356"/>
                </a:moveTo>
                <a:lnTo>
                  <a:pt x="211819" y="85099"/>
                </a:lnTo>
                <a:cubicBezTo>
                  <a:pt x="215257" y="99871"/>
                  <a:pt x="217115" y="114921"/>
                  <a:pt x="217672" y="130065"/>
                </a:cubicBezTo>
                <a:lnTo>
                  <a:pt x="217672" y="130808"/>
                </a:lnTo>
                <a:lnTo>
                  <a:pt x="261708" y="130808"/>
                </a:lnTo>
                <a:lnTo>
                  <a:pt x="261708" y="129972"/>
                </a:lnTo>
                <a:cubicBezTo>
                  <a:pt x="260315" y="111948"/>
                  <a:pt x="255019" y="94483"/>
                  <a:pt x="246008" y="78782"/>
                </a:cubicBezTo>
                <a:lnTo>
                  <a:pt x="245729" y="78317"/>
                </a:lnTo>
                <a:lnTo>
                  <a:pt x="245172" y="78317"/>
                </a:lnTo>
                <a:cubicBezTo>
                  <a:pt x="234302" y="80733"/>
                  <a:pt x="223339" y="82591"/>
                  <a:pt x="212377" y="84170"/>
                </a:cubicBezTo>
                <a:lnTo>
                  <a:pt x="211541" y="84170"/>
                </a:lnTo>
                <a:close/>
                <a:moveTo>
                  <a:pt x="185528" y="25920"/>
                </a:moveTo>
                <a:lnTo>
                  <a:pt x="187107" y="28150"/>
                </a:lnTo>
                <a:cubicBezTo>
                  <a:pt x="190545" y="32795"/>
                  <a:pt x="193610" y="37812"/>
                  <a:pt x="196304" y="42921"/>
                </a:cubicBezTo>
                <a:cubicBezTo>
                  <a:pt x="200485" y="50725"/>
                  <a:pt x="203923" y="58994"/>
                  <a:pt x="206710" y="67448"/>
                </a:cubicBezTo>
                <a:lnTo>
                  <a:pt x="206895" y="68005"/>
                </a:lnTo>
                <a:lnTo>
                  <a:pt x="207546" y="68005"/>
                </a:lnTo>
                <a:cubicBezTo>
                  <a:pt x="216464" y="66705"/>
                  <a:pt x="225290" y="65218"/>
                  <a:pt x="234209" y="63546"/>
                </a:cubicBezTo>
                <a:lnTo>
                  <a:pt x="235417" y="63267"/>
                </a:lnTo>
                <a:lnTo>
                  <a:pt x="234674" y="62338"/>
                </a:lnTo>
                <a:cubicBezTo>
                  <a:pt x="231979" y="59086"/>
                  <a:pt x="229192" y="55928"/>
                  <a:pt x="226219" y="52955"/>
                </a:cubicBezTo>
                <a:cubicBezTo>
                  <a:pt x="215257" y="41992"/>
                  <a:pt x="202343" y="33166"/>
                  <a:pt x="188129" y="27035"/>
                </a:cubicBezTo>
                <a:lnTo>
                  <a:pt x="185621" y="25920"/>
                </a:lnTo>
                <a:close/>
                <a:moveTo>
                  <a:pt x="93554" y="25920"/>
                </a:moveTo>
                <a:lnTo>
                  <a:pt x="91045" y="27035"/>
                </a:lnTo>
                <a:cubicBezTo>
                  <a:pt x="76831" y="33166"/>
                  <a:pt x="63917" y="41992"/>
                  <a:pt x="52955" y="52955"/>
                </a:cubicBezTo>
                <a:cubicBezTo>
                  <a:pt x="49982" y="55928"/>
                  <a:pt x="47195" y="58994"/>
                  <a:pt x="44594" y="62245"/>
                </a:cubicBezTo>
                <a:lnTo>
                  <a:pt x="43850" y="63174"/>
                </a:lnTo>
                <a:lnTo>
                  <a:pt x="45058" y="63360"/>
                </a:lnTo>
                <a:cubicBezTo>
                  <a:pt x="53884" y="64939"/>
                  <a:pt x="62710" y="66426"/>
                  <a:pt x="71628" y="67541"/>
                </a:cubicBezTo>
                <a:lnTo>
                  <a:pt x="72186" y="67541"/>
                </a:lnTo>
                <a:lnTo>
                  <a:pt x="72372" y="67076"/>
                </a:lnTo>
                <a:cubicBezTo>
                  <a:pt x="75159" y="58715"/>
                  <a:pt x="78503" y="50632"/>
                  <a:pt x="82684" y="42828"/>
                </a:cubicBezTo>
                <a:cubicBezTo>
                  <a:pt x="85378" y="37719"/>
                  <a:pt x="88444" y="32795"/>
                  <a:pt x="91881" y="28057"/>
                </a:cubicBezTo>
                <a:lnTo>
                  <a:pt x="93461" y="25827"/>
                </a:lnTo>
                <a:close/>
                <a:moveTo>
                  <a:pt x="93554" y="253068"/>
                </a:moveTo>
                <a:lnTo>
                  <a:pt x="91974" y="250839"/>
                </a:lnTo>
                <a:cubicBezTo>
                  <a:pt x="88537" y="246194"/>
                  <a:pt x="85471" y="241177"/>
                  <a:pt x="82777" y="236067"/>
                </a:cubicBezTo>
                <a:cubicBezTo>
                  <a:pt x="78689" y="228356"/>
                  <a:pt x="75345" y="220274"/>
                  <a:pt x="72557" y="212005"/>
                </a:cubicBezTo>
                <a:lnTo>
                  <a:pt x="72372" y="211448"/>
                </a:lnTo>
                <a:lnTo>
                  <a:pt x="71721" y="211448"/>
                </a:lnTo>
                <a:cubicBezTo>
                  <a:pt x="62988" y="212841"/>
                  <a:pt x="54255" y="214514"/>
                  <a:pt x="45615" y="216279"/>
                </a:cubicBezTo>
                <a:lnTo>
                  <a:pt x="44408" y="216557"/>
                </a:lnTo>
                <a:lnTo>
                  <a:pt x="45151" y="217486"/>
                </a:lnTo>
                <a:cubicBezTo>
                  <a:pt x="47659" y="220459"/>
                  <a:pt x="50261" y="223339"/>
                  <a:pt x="52955" y="226126"/>
                </a:cubicBezTo>
                <a:cubicBezTo>
                  <a:pt x="63917" y="237089"/>
                  <a:pt x="76831" y="245915"/>
                  <a:pt x="91045" y="252046"/>
                </a:cubicBezTo>
                <a:lnTo>
                  <a:pt x="93554" y="253161"/>
                </a:lnTo>
                <a:close/>
                <a:moveTo>
                  <a:pt x="185528" y="253068"/>
                </a:moveTo>
                <a:lnTo>
                  <a:pt x="188036" y="251954"/>
                </a:lnTo>
                <a:cubicBezTo>
                  <a:pt x="202250" y="245822"/>
                  <a:pt x="215164" y="236996"/>
                  <a:pt x="226126" y="226034"/>
                </a:cubicBezTo>
                <a:cubicBezTo>
                  <a:pt x="228914" y="223246"/>
                  <a:pt x="231608" y="220366"/>
                  <a:pt x="234116" y="217301"/>
                </a:cubicBezTo>
                <a:lnTo>
                  <a:pt x="234859" y="216372"/>
                </a:lnTo>
                <a:lnTo>
                  <a:pt x="233652" y="216093"/>
                </a:lnTo>
                <a:cubicBezTo>
                  <a:pt x="225012" y="214235"/>
                  <a:pt x="216279" y="212563"/>
                  <a:pt x="207546" y="211169"/>
                </a:cubicBezTo>
                <a:lnTo>
                  <a:pt x="206895" y="211169"/>
                </a:lnTo>
                <a:lnTo>
                  <a:pt x="206710" y="211634"/>
                </a:lnTo>
                <a:cubicBezTo>
                  <a:pt x="203923" y="219995"/>
                  <a:pt x="200485" y="228170"/>
                  <a:pt x="196397" y="235974"/>
                </a:cubicBezTo>
                <a:cubicBezTo>
                  <a:pt x="193703" y="241084"/>
                  <a:pt x="190637" y="246008"/>
                  <a:pt x="187200" y="250746"/>
                </a:cubicBezTo>
                <a:lnTo>
                  <a:pt x="185621" y="252975"/>
                </a:lnTo>
                <a:close/>
                <a:moveTo>
                  <a:pt x="211634" y="194632"/>
                </a:moveTo>
                <a:lnTo>
                  <a:pt x="212377" y="194632"/>
                </a:lnTo>
                <a:cubicBezTo>
                  <a:pt x="223246" y="196490"/>
                  <a:pt x="234023" y="198627"/>
                  <a:pt x="244707" y="201136"/>
                </a:cubicBezTo>
                <a:lnTo>
                  <a:pt x="245264" y="201136"/>
                </a:lnTo>
                <a:lnTo>
                  <a:pt x="245543" y="200764"/>
                </a:lnTo>
                <a:cubicBezTo>
                  <a:pt x="254741" y="184877"/>
                  <a:pt x="260222" y="167040"/>
                  <a:pt x="261615" y="148738"/>
                </a:cubicBezTo>
                <a:lnTo>
                  <a:pt x="261615" y="147902"/>
                </a:lnTo>
                <a:lnTo>
                  <a:pt x="217672" y="147902"/>
                </a:lnTo>
                <a:lnTo>
                  <a:pt x="217672" y="148645"/>
                </a:lnTo>
                <a:cubicBezTo>
                  <a:pt x="217115" y="163788"/>
                  <a:pt x="215257" y="179025"/>
                  <a:pt x="211726" y="193796"/>
                </a:cubicBezTo>
                <a:lnTo>
                  <a:pt x="211541" y="194539"/>
                </a:lnTo>
                <a:close/>
                <a:moveTo>
                  <a:pt x="33817" y="201321"/>
                </a:moveTo>
                <a:lnTo>
                  <a:pt x="34374" y="201321"/>
                </a:lnTo>
                <a:cubicBezTo>
                  <a:pt x="45151" y="198813"/>
                  <a:pt x="55928" y="196769"/>
                  <a:pt x="66797" y="195004"/>
                </a:cubicBezTo>
                <a:lnTo>
                  <a:pt x="67541" y="195004"/>
                </a:lnTo>
                <a:lnTo>
                  <a:pt x="67355" y="194075"/>
                </a:lnTo>
                <a:cubicBezTo>
                  <a:pt x="63825" y="179210"/>
                  <a:pt x="61966" y="163881"/>
                  <a:pt x="61409" y="148645"/>
                </a:cubicBezTo>
                <a:lnTo>
                  <a:pt x="61409" y="147902"/>
                </a:lnTo>
                <a:lnTo>
                  <a:pt x="17373" y="147902"/>
                </a:lnTo>
                <a:lnTo>
                  <a:pt x="17373" y="148738"/>
                </a:lnTo>
                <a:cubicBezTo>
                  <a:pt x="18859" y="167133"/>
                  <a:pt x="24341" y="184877"/>
                  <a:pt x="33631" y="200857"/>
                </a:cubicBezTo>
                <a:lnTo>
                  <a:pt x="33910" y="201321"/>
                </a:lnTo>
                <a:close/>
                <a:moveTo>
                  <a:pt x="131830" y="72279"/>
                </a:moveTo>
                <a:lnTo>
                  <a:pt x="131830" y="18023"/>
                </a:lnTo>
                <a:lnTo>
                  <a:pt x="130901" y="18302"/>
                </a:lnTo>
                <a:cubicBezTo>
                  <a:pt x="116036" y="22761"/>
                  <a:pt x="104702" y="37719"/>
                  <a:pt x="97734" y="50911"/>
                </a:cubicBezTo>
                <a:cubicBezTo>
                  <a:pt x="94668" y="56671"/>
                  <a:pt x="92067" y="62710"/>
                  <a:pt x="89837" y="68841"/>
                </a:cubicBezTo>
                <a:lnTo>
                  <a:pt x="89559" y="69770"/>
                </a:lnTo>
                <a:lnTo>
                  <a:pt x="90488" y="69770"/>
                </a:lnTo>
                <a:cubicBezTo>
                  <a:pt x="103959" y="71164"/>
                  <a:pt x="117523" y="72000"/>
                  <a:pt x="131179" y="72279"/>
                </a:cubicBezTo>
                <a:lnTo>
                  <a:pt x="131923" y="72279"/>
                </a:lnTo>
                <a:close/>
                <a:moveTo>
                  <a:pt x="84542" y="86307"/>
                </a:moveTo>
                <a:lnTo>
                  <a:pt x="84356" y="86957"/>
                </a:lnTo>
                <a:cubicBezTo>
                  <a:pt x="80919" y="101172"/>
                  <a:pt x="79061" y="115665"/>
                  <a:pt x="78410" y="130250"/>
                </a:cubicBezTo>
                <a:lnTo>
                  <a:pt x="78410" y="130994"/>
                </a:lnTo>
                <a:lnTo>
                  <a:pt x="131737" y="130994"/>
                </a:lnTo>
                <a:lnTo>
                  <a:pt x="131737" y="89280"/>
                </a:lnTo>
                <a:lnTo>
                  <a:pt x="130994" y="89280"/>
                </a:lnTo>
                <a:cubicBezTo>
                  <a:pt x="115665" y="89001"/>
                  <a:pt x="100335" y="87979"/>
                  <a:pt x="85006" y="86400"/>
                </a:cubicBezTo>
                <a:lnTo>
                  <a:pt x="84356" y="86400"/>
                </a:lnTo>
                <a:close/>
                <a:moveTo>
                  <a:pt x="131830" y="189244"/>
                </a:moveTo>
                <a:lnTo>
                  <a:pt x="131830" y="147995"/>
                </a:lnTo>
                <a:lnTo>
                  <a:pt x="78410" y="147995"/>
                </a:lnTo>
                <a:lnTo>
                  <a:pt x="78410" y="148738"/>
                </a:lnTo>
                <a:cubicBezTo>
                  <a:pt x="78968" y="163231"/>
                  <a:pt x="80826" y="177817"/>
                  <a:pt x="84356" y="191938"/>
                </a:cubicBezTo>
                <a:lnTo>
                  <a:pt x="84542" y="192588"/>
                </a:lnTo>
                <a:lnTo>
                  <a:pt x="85192" y="192588"/>
                </a:lnTo>
                <a:cubicBezTo>
                  <a:pt x="100428" y="190730"/>
                  <a:pt x="115757" y="189615"/>
                  <a:pt x="131179" y="189244"/>
                </a:cubicBezTo>
                <a:lnTo>
                  <a:pt x="131923" y="189244"/>
                </a:lnTo>
                <a:close/>
                <a:moveTo>
                  <a:pt x="131830" y="260965"/>
                </a:moveTo>
                <a:lnTo>
                  <a:pt x="131830" y="206245"/>
                </a:lnTo>
                <a:lnTo>
                  <a:pt x="131086" y="206245"/>
                </a:lnTo>
                <a:cubicBezTo>
                  <a:pt x="117523" y="206617"/>
                  <a:pt x="103866" y="207546"/>
                  <a:pt x="90395" y="209032"/>
                </a:cubicBezTo>
                <a:lnTo>
                  <a:pt x="89466" y="209032"/>
                </a:lnTo>
                <a:lnTo>
                  <a:pt x="89745" y="210054"/>
                </a:lnTo>
                <a:cubicBezTo>
                  <a:pt x="91974" y="216279"/>
                  <a:pt x="94575" y="222317"/>
                  <a:pt x="97734" y="228170"/>
                </a:cubicBezTo>
                <a:cubicBezTo>
                  <a:pt x="104702" y="241270"/>
                  <a:pt x="116036" y="256320"/>
                  <a:pt x="130901" y="260779"/>
                </a:cubicBezTo>
                <a:lnTo>
                  <a:pt x="131830" y="261058"/>
                </a:lnTo>
                <a:close/>
                <a:moveTo>
                  <a:pt x="148924" y="206245"/>
                </a:moveTo>
                <a:lnTo>
                  <a:pt x="148924" y="260501"/>
                </a:lnTo>
                <a:lnTo>
                  <a:pt x="149946" y="260129"/>
                </a:lnTo>
                <a:cubicBezTo>
                  <a:pt x="163974" y="255112"/>
                  <a:pt x="174658" y="240805"/>
                  <a:pt x="181440" y="228077"/>
                </a:cubicBezTo>
                <a:cubicBezTo>
                  <a:pt x="184599" y="222132"/>
                  <a:pt x="187200" y="216000"/>
                  <a:pt x="189523" y="209683"/>
                </a:cubicBezTo>
                <a:lnTo>
                  <a:pt x="189801" y="208846"/>
                </a:lnTo>
                <a:lnTo>
                  <a:pt x="188872" y="208846"/>
                </a:lnTo>
                <a:cubicBezTo>
                  <a:pt x="175866" y="207267"/>
                  <a:pt x="162766" y="206431"/>
                  <a:pt x="149667" y="206245"/>
                </a:cubicBezTo>
                <a:lnTo>
                  <a:pt x="148924" y="206245"/>
                </a:lnTo>
                <a:close/>
                <a:moveTo>
                  <a:pt x="194725" y="192310"/>
                </a:moveTo>
                <a:lnTo>
                  <a:pt x="194911" y="191659"/>
                </a:lnTo>
                <a:cubicBezTo>
                  <a:pt x="198348" y="177631"/>
                  <a:pt x="200114" y="163231"/>
                  <a:pt x="200671" y="148738"/>
                </a:cubicBezTo>
                <a:lnTo>
                  <a:pt x="200671" y="147995"/>
                </a:lnTo>
                <a:lnTo>
                  <a:pt x="148924" y="147995"/>
                </a:lnTo>
                <a:lnTo>
                  <a:pt x="148924" y="189151"/>
                </a:lnTo>
                <a:lnTo>
                  <a:pt x="149667" y="189151"/>
                </a:lnTo>
                <a:cubicBezTo>
                  <a:pt x="164532" y="189430"/>
                  <a:pt x="179303" y="190452"/>
                  <a:pt x="194075" y="192217"/>
                </a:cubicBezTo>
                <a:lnTo>
                  <a:pt x="194725" y="192217"/>
                </a:lnTo>
                <a:close/>
                <a:moveTo>
                  <a:pt x="194725" y="86679"/>
                </a:moveTo>
                <a:lnTo>
                  <a:pt x="194075" y="86679"/>
                </a:lnTo>
                <a:cubicBezTo>
                  <a:pt x="179303" y="88258"/>
                  <a:pt x="164532" y="89187"/>
                  <a:pt x="149667" y="89373"/>
                </a:cubicBezTo>
                <a:lnTo>
                  <a:pt x="148924" y="89373"/>
                </a:lnTo>
                <a:lnTo>
                  <a:pt x="148924" y="131086"/>
                </a:lnTo>
                <a:lnTo>
                  <a:pt x="200671" y="131086"/>
                </a:lnTo>
                <a:lnTo>
                  <a:pt x="200671" y="130343"/>
                </a:lnTo>
                <a:cubicBezTo>
                  <a:pt x="200114" y="115850"/>
                  <a:pt x="198255" y="101450"/>
                  <a:pt x="194818" y="87329"/>
                </a:cubicBezTo>
                <a:lnTo>
                  <a:pt x="194632" y="86679"/>
                </a:lnTo>
                <a:close/>
                <a:moveTo>
                  <a:pt x="189801" y="70049"/>
                </a:moveTo>
                <a:lnTo>
                  <a:pt x="189523" y="69120"/>
                </a:lnTo>
                <a:cubicBezTo>
                  <a:pt x="187293" y="62895"/>
                  <a:pt x="184599" y="56764"/>
                  <a:pt x="181533" y="50911"/>
                </a:cubicBezTo>
                <a:cubicBezTo>
                  <a:pt x="174751" y="38183"/>
                  <a:pt x="164067" y="23876"/>
                  <a:pt x="150039" y="18859"/>
                </a:cubicBezTo>
                <a:lnTo>
                  <a:pt x="149017" y="18488"/>
                </a:lnTo>
                <a:lnTo>
                  <a:pt x="149017" y="72279"/>
                </a:lnTo>
                <a:lnTo>
                  <a:pt x="149760" y="72279"/>
                </a:lnTo>
                <a:cubicBezTo>
                  <a:pt x="162859" y="72093"/>
                  <a:pt x="175866" y="71350"/>
                  <a:pt x="188872" y="70049"/>
                </a:cubicBezTo>
                <a:lnTo>
                  <a:pt x="189801" y="70049"/>
                </a:lnTo>
                <a:close/>
                <a:moveTo>
                  <a:pt x="139541" y="0"/>
                </a:moveTo>
                <a:cubicBezTo>
                  <a:pt x="176702" y="0"/>
                  <a:pt x="211912" y="14586"/>
                  <a:pt x="238204" y="40877"/>
                </a:cubicBezTo>
                <a:cubicBezTo>
                  <a:pt x="264495" y="67169"/>
                  <a:pt x="279081" y="102379"/>
                  <a:pt x="279081" y="139541"/>
                </a:cubicBezTo>
                <a:cubicBezTo>
                  <a:pt x="279081" y="176702"/>
                  <a:pt x="264495" y="211912"/>
                  <a:pt x="238204" y="238204"/>
                </a:cubicBezTo>
                <a:cubicBezTo>
                  <a:pt x="211912" y="264496"/>
                  <a:pt x="176702" y="279081"/>
                  <a:pt x="139541" y="279081"/>
                </a:cubicBezTo>
                <a:cubicBezTo>
                  <a:pt x="102379" y="279081"/>
                  <a:pt x="67169" y="264496"/>
                  <a:pt x="40877" y="238204"/>
                </a:cubicBezTo>
                <a:cubicBezTo>
                  <a:pt x="14586" y="211912"/>
                  <a:pt x="0" y="176609"/>
                  <a:pt x="0" y="139541"/>
                </a:cubicBezTo>
                <a:cubicBezTo>
                  <a:pt x="0" y="102472"/>
                  <a:pt x="14586" y="67076"/>
                  <a:pt x="40877" y="40877"/>
                </a:cubicBezTo>
                <a:cubicBezTo>
                  <a:pt x="67076" y="14586"/>
                  <a:pt x="102379" y="0"/>
                  <a:pt x="139541" y="0"/>
                </a:cubicBezTo>
                <a:close/>
              </a:path>
            </a:pathLst>
          </a:custGeom>
          <a:solidFill>
            <a:srgbClr val="FFFFFF"/>
          </a:solidFill>
          <a:ln w="9286" cap="flat">
            <a:noFill/>
            <a:prstDash val="solid"/>
            <a:miter/>
          </a:ln>
        </p:spPr>
        <p:txBody>
          <a:bodyPr rtlCol="0" anchor="ctr"/>
          <a:lstStyle/>
          <a:p>
            <a:endParaRPr lang="en-GB"/>
          </a:p>
        </p:txBody>
      </p:sp>
      <p:sp>
        <p:nvSpPr>
          <p:cNvPr id="11" name="Rectangle 10">
            <a:hlinkClick r:id="rId7"/>
            <a:extLst>
              <a:ext uri="{FF2B5EF4-FFF2-40B4-BE49-F238E27FC236}">
                <a16:creationId xmlns:a16="http://schemas.microsoft.com/office/drawing/2014/main" id="{A7ADEB60-8AC0-B283-1EC1-415DCCA707F3}"/>
              </a:ext>
            </a:extLst>
          </p:cNvPr>
          <p:cNvSpPr>
            <a:spLocks/>
          </p:cNvSpPr>
          <p:nvPr userDrawn="1"/>
        </p:nvSpPr>
        <p:spPr>
          <a:xfrm>
            <a:off x="11216908" y="5691221"/>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Rectangle 11">
            <a:hlinkClick r:id="rId8"/>
            <a:extLst>
              <a:ext uri="{FF2B5EF4-FFF2-40B4-BE49-F238E27FC236}">
                <a16:creationId xmlns:a16="http://schemas.microsoft.com/office/drawing/2014/main" id="{176E0579-77F6-4AAA-B0AE-902E2F103EC8}"/>
              </a:ext>
            </a:extLst>
          </p:cNvPr>
          <p:cNvSpPr>
            <a:spLocks/>
          </p:cNvSpPr>
          <p:nvPr userDrawn="1"/>
        </p:nvSpPr>
        <p:spPr>
          <a:xfrm>
            <a:off x="10161756"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Rectangle 12">
            <a:hlinkClick r:id="rId9"/>
            <a:extLst>
              <a:ext uri="{FF2B5EF4-FFF2-40B4-BE49-F238E27FC236}">
                <a16:creationId xmlns:a16="http://schemas.microsoft.com/office/drawing/2014/main" id="{203AC37E-0D2C-7BFD-0B00-1B0EF5EDCAA2}"/>
              </a:ext>
            </a:extLst>
          </p:cNvPr>
          <p:cNvSpPr>
            <a:spLocks/>
          </p:cNvSpPr>
          <p:nvPr userDrawn="1"/>
        </p:nvSpPr>
        <p:spPr>
          <a:xfrm>
            <a:off x="10699761"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Rectangle 14">
            <a:hlinkClick r:id="rId10"/>
            <a:extLst>
              <a:ext uri="{FF2B5EF4-FFF2-40B4-BE49-F238E27FC236}">
                <a16:creationId xmlns:a16="http://schemas.microsoft.com/office/drawing/2014/main" id="{307239C6-73A2-F953-B80A-5A2C581AB262}"/>
              </a:ext>
            </a:extLst>
          </p:cNvPr>
          <p:cNvSpPr>
            <a:spLocks/>
          </p:cNvSpPr>
          <p:nvPr userDrawn="1"/>
        </p:nvSpPr>
        <p:spPr>
          <a:xfrm>
            <a:off x="9623751" y="5691220"/>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2142739435"/>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976" userDrawn="1">
          <p15:clr>
            <a:srgbClr val="FF96FF"/>
          </p15:clr>
        </p15:guide>
        <p15:guide id="4" orient="horz" pos="3344" userDrawn="1">
          <p15:clr>
            <a:srgbClr val="FF96FF"/>
          </p15:clr>
        </p15:guide>
        <p15:guide id="5" orient="horz" pos="3976" userDrawn="1">
          <p15:clr>
            <a:srgbClr val="8F8F8F"/>
          </p15:clr>
        </p15:guide>
        <p15:guide id="6" orient="horz" pos="4208" userDrawn="1">
          <p15:clr>
            <a:srgbClr val="8F8F8F"/>
          </p15:clr>
        </p15:guide>
        <p15:guide id="7" pos="290" userDrawn="1">
          <p15:clr>
            <a:srgbClr val="FF96FF"/>
          </p15:clr>
        </p15:guide>
        <p15:guide id="8" pos="7389"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End Slide_White">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2DF84161-4046-39C2-5268-7DC194063003}"/>
              </a:ext>
            </a:extLst>
          </p:cNvPr>
          <p:cNvPicPr>
            <a:picLocks noGrp="1" noRot="1" noChangeAspect="1" noMove="1" noResize="1" noEditPoints="1" noAdjustHandles="1" noChangeArrowheads="1" noChangeShapeType="1" noCrop="1"/>
          </p:cNvPicPr>
          <p:nvPr userDrawn="1"/>
        </p:nvPicPr>
        <p:blipFill rotWithShape="1">
          <a:blip r:embed="rId3">
            <a:extLst>
              <a:ext uri="{96DAC541-7B7A-43D3-8B79-37D633B846F1}">
                <asvg:svgBlip xmlns:asvg="http://schemas.microsoft.com/office/drawing/2016/SVG/main" r:embed="rId4"/>
              </a:ext>
            </a:extLst>
          </a:blip>
          <a:srcRect r="20548"/>
          <a:stretch/>
        </p:blipFill>
        <p:spPr>
          <a:xfrm>
            <a:off x="6198290" y="0"/>
            <a:ext cx="5993710" cy="6858000"/>
          </a:xfrm>
          <a:prstGeom prst="rect">
            <a:avLst/>
          </a:prstGeom>
        </p:spPr>
      </p:pic>
      <p:pic>
        <p:nvPicPr>
          <p:cNvPr id="18" name="Graphic 17">
            <a:extLst>
              <a:ext uri="{FF2B5EF4-FFF2-40B4-BE49-F238E27FC236}">
                <a16:creationId xmlns:a16="http://schemas.microsoft.com/office/drawing/2014/main" id="{B4F6E2DD-2512-4790-3762-08451DD5B1DC}"/>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689250" y="1081860"/>
            <a:ext cx="3420000" cy="433879"/>
          </a:xfrm>
          <a:prstGeom prst="rect">
            <a:avLst/>
          </a:prstGeom>
        </p:spPr>
      </p:pic>
      <p:sp>
        <p:nvSpPr>
          <p:cNvPr id="12" name="Guides" hidden="1">
            <a:extLst>
              <a:ext uri="{FF2B5EF4-FFF2-40B4-BE49-F238E27FC236}">
                <a16:creationId xmlns:a16="http://schemas.microsoft.com/office/drawing/2014/main" id="{8FC47DC6-9EFA-BE77-5D21-29976315FD8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Freeform: Shape 4">
            <a:extLst>
              <a:ext uri="{FF2B5EF4-FFF2-40B4-BE49-F238E27FC236}">
                <a16:creationId xmlns:a16="http://schemas.microsoft.com/office/drawing/2014/main" id="{3E030340-0453-F1B2-EF64-BDB3D3DAFF8D}"/>
              </a:ext>
            </a:extLst>
          </p:cNvPr>
          <p:cNvSpPr/>
          <p:nvPr userDrawn="1"/>
        </p:nvSpPr>
        <p:spPr>
          <a:xfrm>
            <a:off x="10791127" y="5732152"/>
            <a:ext cx="154126" cy="286234"/>
          </a:xfrm>
          <a:custGeom>
            <a:avLst/>
            <a:gdLst>
              <a:gd name="connsiteX0" fmla="*/ 154126 w 154126"/>
              <a:gd name="connsiteY0" fmla="*/ 50539 h 286234"/>
              <a:gd name="connsiteX1" fmla="*/ 154126 w 154126"/>
              <a:gd name="connsiteY1" fmla="*/ 0 h 286234"/>
              <a:gd name="connsiteX2" fmla="*/ 109440 w 154126"/>
              <a:gd name="connsiteY2" fmla="*/ 0 h 286234"/>
              <a:gd name="connsiteX3" fmla="*/ 45337 w 154126"/>
              <a:gd name="connsiteY3" fmla="*/ 64103 h 286234"/>
              <a:gd name="connsiteX4" fmla="*/ 45337 w 154126"/>
              <a:gd name="connsiteY4" fmla="*/ 110276 h 286234"/>
              <a:gd name="connsiteX5" fmla="*/ 0 w 154126"/>
              <a:gd name="connsiteY5" fmla="*/ 110276 h 286234"/>
              <a:gd name="connsiteX6" fmla="*/ 0 w 154126"/>
              <a:gd name="connsiteY6" fmla="*/ 163045 h 286234"/>
              <a:gd name="connsiteX7" fmla="*/ 45337 w 154126"/>
              <a:gd name="connsiteY7" fmla="*/ 163045 h 286234"/>
              <a:gd name="connsiteX8" fmla="*/ 45337 w 154126"/>
              <a:gd name="connsiteY8" fmla="*/ 286235 h 286234"/>
              <a:gd name="connsiteX9" fmla="*/ 100707 w 154126"/>
              <a:gd name="connsiteY9" fmla="*/ 286235 h 286234"/>
              <a:gd name="connsiteX10" fmla="*/ 100707 w 154126"/>
              <a:gd name="connsiteY10" fmla="*/ 162209 h 286234"/>
              <a:gd name="connsiteX11" fmla="*/ 142142 w 154126"/>
              <a:gd name="connsiteY11" fmla="*/ 162209 h 286234"/>
              <a:gd name="connsiteX12" fmla="*/ 150039 w 154126"/>
              <a:gd name="connsiteY12" fmla="*/ 109905 h 286234"/>
              <a:gd name="connsiteX13" fmla="*/ 100614 w 154126"/>
              <a:gd name="connsiteY13" fmla="*/ 109905 h 286234"/>
              <a:gd name="connsiteX14" fmla="*/ 100614 w 154126"/>
              <a:gd name="connsiteY14" fmla="*/ 72650 h 286234"/>
              <a:gd name="connsiteX15" fmla="*/ 122725 w 154126"/>
              <a:gd name="connsiteY15" fmla="*/ 50539 h 286234"/>
              <a:gd name="connsiteX16" fmla="*/ 153941 w 154126"/>
              <a:gd name="connsiteY16" fmla="*/ 50539 h 2862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54126" h="286234">
                <a:moveTo>
                  <a:pt x="154126" y="50539"/>
                </a:moveTo>
                <a:lnTo>
                  <a:pt x="154126" y="0"/>
                </a:lnTo>
                <a:lnTo>
                  <a:pt x="109440" y="0"/>
                </a:lnTo>
                <a:cubicBezTo>
                  <a:pt x="74044" y="0"/>
                  <a:pt x="45337" y="28707"/>
                  <a:pt x="45337" y="64103"/>
                </a:cubicBezTo>
                <a:lnTo>
                  <a:pt x="45337" y="110276"/>
                </a:lnTo>
                <a:lnTo>
                  <a:pt x="0" y="110276"/>
                </a:lnTo>
                <a:lnTo>
                  <a:pt x="0" y="163045"/>
                </a:lnTo>
                <a:lnTo>
                  <a:pt x="45337" y="163045"/>
                </a:lnTo>
                <a:lnTo>
                  <a:pt x="45337" y="286235"/>
                </a:lnTo>
                <a:lnTo>
                  <a:pt x="100707" y="286235"/>
                </a:lnTo>
                <a:lnTo>
                  <a:pt x="100707" y="162209"/>
                </a:lnTo>
                <a:lnTo>
                  <a:pt x="142142" y="162209"/>
                </a:lnTo>
                <a:lnTo>
                  <a:pt x="150039" y="109905"/>
                </a:lnTo>
                <a:lnTo>
                  <a:pt x="100614" y="109905"/>
                </a:lnTo>
                <a:lnTo>
                  <a:pt x="100614" y="72650"/>
                </a:lnTo>
                <a:cubicBezTo>
                  <a:pt x="100614" y="60480"/>
                  <a:pt x="110555" y="50539"/>
                  <a:pt x="122725" y="50539"/>
                </a:cubicBezTo>
                <a:lnTo>
                  <a:pt x="153941" y="50539"/>
                </a:lnTo>
                <a:close/>
              </a:path>
            </a:pathLst>
          </a:custGeom>
          <a:solidFill>
            <a:schemeClr val="accent1"/>
          </a:solidFill>
          <a:ln w="9286" cap="flat">
            <a:noFill/>
            <a:prstDash val="solid"/>
            <a:miter/>
          </a:ln>
        </p:spPr>
        <p:txBody>
          <a:bodyPr rtlCol="0" anchor="ctr"/>
          <a:lstStyle/>
          <a:p>
            <a:endParaRPr lang="en-GB"/>
          </a:p>
        </p:txBody>
      </p:sp>
      <p:grpSp>
        <p:nvGrpSpPr>
          <p:cNvPr id="6" name="Graphic 7">
            <a:extLst>
              <a:ext uri="{FF2B5EF4-FFF2-40B4-BE49-F238E27FC236}">
                <a16:creationId xmlns:a16="http://schemas.microsoft.com/office/drawing/2014/main" id="{DA146EC6-E499-1137-E7A1-8A13EFE63155}"/>
              </a:ext>
            </a:extLst>
          </p:cNvPr>
          <p:cNvGrpSpPr/>
          <p:nvPr userDrawn="1"/>
        </p:nvGrpSpPr>
        <p:grpSpPr>
          <a:xfrm>
            <a:off x="10204998" y="5742513"/>
            <a:ext cx="270255" cy="270905"/>
            <a:chOff x="10224422" y="5738425"/>
            <a:chExt cx="270255" cy="270905"/>
          </a:xfrm>
          <a:solidFill>
            <a:schemeClr val="accent1"/>
          </a:solidFill>
        </p:grpSpPr>
        <p:sp>
          <p:nvSpPr>
            <p:cNvPr id="7" name="Freeform: Shape 6">
              <a:extLst>
                <a:ext uri="{FF2B5EF4-FFF2-40B4-BE49-F238E27FC236}">
                  <a16:creationId xmlns:a16="http://schemas.microsoft.com/office/drawing/2014/main" id="{69D7B694-BF95-F565-92FB-586A8929FADF}"/>
                </a:ext>
              </a:extLst>
            </p:cNvPr>
            <p:cNvSpPr/>
            <p:nvPr/>
          </p:nvSpPr>
          <p:spPr>
            <a:xfrm>
              <a:off x="10228882" y="5830771"/>
              <a:ext cx="54069" cy="178467"/>
            </a:xfrm>
            <a:custGeom>
              <a:avLst/>
              <a:gdLst>
                <a:gd name="connsiteX0" fmla="*/ 0 w 54069"/>
                <a:gd name="connsiteY0" fmla="*/ 0 h 178467"/>
                <a:gd name="connsiteX1" fmla="*/ 54070 w 54069"/>
                <a:gd name="connsiteY1" fmla="*/ 0 h 178467"/>
                <a:gd name="connsiteX2" fmla="*/ 54070 w 54069"/>
                <a:gd name="connsiteY2" fmla="*/ 178467 h 178467"/>
                <a:gd name="connsiteX3" fmla="*/ 0 w 54069"/>
                <a:gd name="connsiteY3" fmla="*/ 178467 h 178467"/>
                <a:gd name="connsiteX4" fmla="*/ 0 w 54069"/>
                <a:gd name="connsiteY4" fmla="*/ 0 h 17846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069" h="178467">
                  <a:moveTo>
                    <a:pt x="0" y="0"/>
                  </a:moveTo>
                  <a:lnTo>
                    <a:pt x="54070" y="0"/>
                  </a:lnTo>
                  <a:lnTo>
                    <a:pt x="54070" y="178467"/>
                  </a:lnTo>
                  <a:lnTo>
                    <a:pt x="0" y="178467"/>
                  </a:lnTo>
                  <a:lnTo>
                    <a:pt x="0" y="0"/>
                  </a:lnTo>
                  <a:close/>
                </a:path>
              </a:pathLst>
            </a:custGeom>
            <a:grpFill/>
            <a:ln w="9286" cap="flat">
              <a:noFill/>
              <a:prstDash val="solid"/>
              <a:miter/>
            </a:ln>
          </p:spPr>
          <p:txBody>
            <a:bodyPr rtlCol="0" anchor="ctr"/>
            <a:lstStyle/>
            <a:p>
              <a:endParaRPr lang="en-GB"/>
            </a:p>
          </p:txBody>
        </p:sp>
        <p:sp>
          <p:nvSpPr>
            <p:cNvPr id="8" name="Freeform: Shape 7">
              <a:extLst>
                <a:ext uri="{FF2B5EF4-FFF2-40B4-BE49-F238E27FC236}">
                  <a16:creationId xmlns:a16="http://schemas.microsoft.com/office/drawing/2014/main" id="{F50EC68E-0D4B-0CF1-F4A2-433AF2592EFF}"/>
                </a:ext>
              </a:extLst>
            </p:cNvPr>
            <p:cNvSpPr/>
            <p:nvPr/>
          </p:nvSpPr>
          <p:spPr>
            <a:xfrm>
              <a:off x="10318348" y="5822781"/>
              <a:ext cx="176330" cy="186549"/>
            </a:xfrm>
            <a:custGeom>
              <a:avLst/>
              <a:gdLst>
                <a:gd name="connsiteX0" fmla="*/ 464 w 176330"/>
                <a:gd name="connsiteY0" fmla="*/ 63360 h 186549"/>
                <a:gd name="connsiteX1" fmla="*/ 0 w 176330"/>
                <a:gd name="connsiteY1" fmla="*/ 5295 h 186549"/>
                <a:gd name="connsiteX2" fmla="*/ 52397 w 176330"/>
                <a:gd name="connsiteY2" fmla="*/ 5295 h 186549"/>
                <a:gd name="connsiteX3" fmla="*/ 54441 w 176330"/>
                <a:gd name="connsiteY3" fmla="*/ 31401 h 186549"/>
                <a:gd name="connsiteX4" fmla="*/ 118916 w 176330"/>
                <a:gd name="connsiteY4" fmla="*/ 0 h 186549"/>
                <a:gd name="connsiteX5" fmla="*/ 176330 w 176330"/>
                <a:gd name="connsiteY5" fmla="*/ 87515 h 186549"/>
                <a:gd name="connsiteX6" fmla="*/ 176330 w 176330"/>
                <a:gd name="connsiteY6" fmla="*/ 186550 h 186549"/>
                <a:gd name="connsiteX7" fmla="*/ 122261 w 176330"/>
                <a:gd name="connsiteY7" fmla="*/ 186550 h 186549"/>
                <a:gd name="connsiteX8" fmla="*/ 122261 w 176330"/>
                <a:gd name="connsiteY8" fmla="*/ 93739 h 186549"/>
                <a:gd name="connsiteX9" fmla="*/ 93739 w 176330"/>
                <a:gd name="connsiteY9" fmla="*/ 47288 h 186549"/>
                <a:gd name="connsiteX10" fmla="*/ 54441 w 176330"/>
                <a:gd name="connsiteY10" fmla="*/ 107117 h 186549"/>
                <a:gd name="connsiteX11" fmla="*/ 54441 w 176330"/>
                <a:gd name="connsiteY11" fmla="*/ 186550 h 186549"/>
                <a:gd name="connsiteX12" fmla="*/ 372 w 176330"/>
                <a:gd name="connsiteY12" fmla="*/ 186550 h 186549"/>
                <a:gd name="connsiteX13" fmla="*/ 372 w 176330"/>
                <a:gd name="connsiteY13" fmla="*/ 63360 h 186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6330" h="186549">
                  <a:moveTo>
                    <a:pt x="464" y="63360"/>
                  </a:moveTo>
                  <a:cubicBezTo>
                    <a:pt x="464" y="44594"/>
                    <a:pt x="464" y="21832"/>
                    <a:pt x="0" y="5295"/>
                  </a:cubicBezTo>
                  <a:lnTo>
                    <a:pt x="52397" y="5295"/>
                  </a:lnTo>
                  <a:cubicBezTo>
                    <a:pt x="53605" y="11241"/>
                    <a:pt x="54255" y="24526"/>
                    <a:pt x="54441" y="31401"/>
                  </a:cubicBezTo>
                  <a:cubicBezTo>
                    <a:pt x="62338" y="16072"/>
                    <a:pt x="79246" y="0"/>
                    <a:pt x="118916" y="0"/>
                  </a:cubicBezTo>
                  <a:cubicBezTo>
                    <a:pt x="162209" y="0"/>
                    <a:pt x="176330" y="31308"/>
                    <a:pt x="176330" y="87515"/>
                  </a:cubicBezTo>
                  <a:lnTo>
                    <a:pt x="176330" y="186550"/>
                  </a:lnTo>
                  <a:lnTo>
                    <a:pt x="122261" y="186550"/>
                  </a:lnTo>
                  <a:lnTo>
                    <a:pt x="122261" y="93739"/>
                  </a:lnTo>
                  <a:cubicBezTo>
                    <a:pt x="122261" y="66519"/>
                    <a:pt x="111391" y="47288"/>
                    <a:pt x="93739" y="47288"/>
                  </a:cubicBezTo>
                  <a:cubicBezTo>
                    <a:pt x="63267" y="47288"/>
                    <a:pt x="54441" y="66705"/>
                    <a:pt x="54441" y="107117"/>
                  </a:cubicBezTo>
                  <a:lnTo>
                    <a:pt x="54441" y="186550"/>
                  </a:lnTo>
                  <a:lnTo>
                    <a:pt x="372" y="186550"/>
                  </a:lnTo>
                  <a:lnTo>
                    <a:pt x="372" y="63360"/>
                  </a:lnTo>
                  <a:close/>
                </a:path>
              </a:pathLst>
            </a:custGeom>
            <a:grpFill/>
            <a:ln w="9286" cap="flat">
              <a:noFill/>
              <a:prstDash val="solid"/>
              <a:miter/>
            </a:ln>
          </p:spPr>
          <p:txBody>
            <a:bodyPr rtlCol="0" anchor="ctr"/>
            <a:lstStyle/>
            <a:p>
              <a:endParaRPr lang="en-GB"/>
            </a:p>
          </p:txBody>
        </p:sp>
        <p:sp>
          <p:nvSpPr>
            <p:cNvPr id="9" name="Freeform: Shape 8">
              <a:extLst>
                <a:ext uri="{FF2B5EF4-FFF2-40B4-BE49-F238E27FC236}">
                  <a16:creationId xmlns:a16="http://schemas.microsoft.com/office/drawing/2014/main" id="{7D9452C7-0494-B37C-783A-8B394A5D3855}"/>
                </a:ext>
              </a:extLst>
            </p:cNvPr>
            <p:cNvSpPr/>
            <p:nvPr/>
          </p:nvSpPr>
          <p:spPr>
            <a:xfrm>
              <a:off x="10224422" y="5738425"/>
              <a:ext cx="62988" cy="62988"/>
            </a:xfrm>
            <a:custGeom>
              <a:avLst/>
              <a:gdLst>
                <a:gd name="connsiteX0" fmla="*/ 62988 w 62988"/>
                <a:gd name="connsiteY0" fmla="*/ 31494 h 62988"/>
                <a:gd name="connsiteX1" fmla="*/ 31494 w 62988"/>
                <a:gd name="connsiteY1" fmla="*/ 62988 h 62988"/>
                <a:gd name="connsiteX2" fmla="*/ 0 w 62988"/>
                <a:gd name="connsiteY2" fmla="*/ 31494 h 62988"/>
                <a:gd name="connsiteX3" fmla="*/ 31494 w 62988"/>
                <a:gd name="connsiteY3" fmla="*/ 0 h 62988"/>
                <a:gd name="connsiteX4" fmla="*/ 62988 w 62988"/>
                <a:gd name="connsiteY4" fmla="*/ 31494 h 6298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2988" h="62988">
                  <a:moveTo>
                    <a:pt x="62988" y="31494"/>
                  </a:moveTo>
                  <a:cubicBezTo>
                    <a:pt x="62988" y="48888"/>
                    <a:pt x="48888" y="62988"/>
                    <a:pt x="31494" y="62988"/>
                  </a:cubicBezTo>
                  <a:cubicBezTo>
                    <a:pt x="14100" y="62988"/>
                    <a:pt x="0" y="48888"/>
                    <a:pt x="0" y="31494"/>
                  </a:cubicBezTo>
                  <a:cubicBezTo>
                    <a:pt x="0" y="14100"/>
                    <a:pt x="14100" y="0"/>
                    <a:pt x="31494" y="0"/>
                  </a:cubicBezTo>
                  <a:cubicBezTo>
                    <a:pt x="48888" y="0"/>
                    <a:pt x="62988" y="14100"/>
                    <a:pt x="62988" y="31494"/>
                  </a:cubicBezTo>
                  <a:close/>
                </a:path>
              </a:pathLst>
            </a:custGeom>
            <a:grpFill/>
            <a:ln w="9286" cap="flat">
              <a:noFill/>
              <a:prstDash val="solid"/>
              <a:miter/>
            </a:ln>
          </p:spPr>
          <p:txBody>
            <a:bodyPr rtlCol="0" anchor="ctr"/>
            <a:lstStyle/>
            <a:p>
              <a:endParaRPr lang="en-GB"/>
            </a:p>
          </p:txBody>
        </p:sp>
      </p:grpSp>
      <p:sp>
        <p:nvSpPr>
          <p:cNvPr id="10" name="Freeform: Shape 9">
            <a:extLst>
              <a:ext uri="{FF2B5EF4-FFF2-40B4-BE49-F238E27FC236}">
                <a16:creationId xmlns:a16="http://schemas.microsoft.com/office/drawing/2014/main" id="{4BF00146-9A25-082A-9A64-1BB98C0375F6}"/>
              </a:ext>
            </a:extLst>
          </p:cNvPr>
          <p:cNvSpPr/>
          <p:nvPr userDrawn="1"/>
        </p:nvSpPr>
        <p:spPr>
          <a:xfrm>
            <a:off x="11251091" y="5770474"/>
            <a:ext cx="288371" cy="206616"/>
          </a:xfrm>
          <a:custGeom>
            <a:avLst/>
            <a:gdLst>
              <a:gd name="connsiteX0" fmla="*/ 223804 w 288371"/>
              <a:gd name="connsiteY0" fmla="*/ 0 h 206616"/>
              <a:gd name="connsiteX1" fmla="*/ 64568 w 288371"/>
              <a:gd name="connsiteY1" fmla="*/ 0 h 206616"/>
              <a:gd name="connsiteX2" fmla="*/ 0 w 288371"/>
              <a:gd name="connsiteY2" fmla="*/ 64568 h 206616"/>
              <a:gd name="connsiteX3" fmla="*/ 0 w 288371"/>
              <a:gd name="connsiteY3" fmla="*/ 142049 h 206616"/>
              <a:gd name="connsiteX4" fmla="*/ 64568 w 288371"/>
              <a:gd name="connsiteY4" fmla="*/ 206617 h 206616"/>
              <a:gd name="connsiteX5" fmla="*/ 223804 w 288371"/>
              <a:gd name="connsiteY5" fmla="*/ 206617 h 206616"/>
              <a:gd name="connsiteX6" fmla="*/ 288372 w 288371"/>
              <a:gd name="connsiteY6" fmla="*/ 142049 h 206616"/>
              <a:gd name="connsiteX7" fmla="*/ 288372 w 288371"/>
              <a:gd name="connsiteY7" fmla="*/ 64568 h 206616"/>
              <a:gd name="connsiteX8" fmla="*/ 223804 w 288371"/>
              <a:gd name="connsiteY8" fmla="*/ 0 h 206616"/>
              <a:gd name="connsiteX9" fmla="*/ 153012 w 288371"/>
              <a:gd name="connsiteY9" fmla="*/ 126999 h 206616"/>
              <a:gd name="connsiteX10" fmla="*/ 113899 w 288371"/>
              <a:gd name="connsiteY10" fmla="*/ 150689 h 206616"/>
              <a:gd name="connsiteX11" fmla="*/ 113899 w 288371"/>
              <a:gd name="connsiteY11" fmla="*/ 56021 h 206616"/>
              <a:gd name="connsiteX12" fmla="*/ 153012 w 288371"/>
              <a:gd name="connsiteY12" fmla="*/ 79711 h 206616"/>
              <a:gd name="connsiteX13" fmla="*/ 192124 w 288371"/>
              <a:gd name="connsiteY13" fmla="*/ 103401 h 206616"/>
              <a:gd name="connsiteX14" fmla="*/ 153012 w 288371"/>
              <a:gd name="connsiteY14" fmla="*/ 127092 h 2066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88371" h="206616">
                <a:moveTo>
                  <a:pt x="223804" y="0"/>
                </a:moveTo>
                <a:lnTo>
                  <a:pt x="64568" y="0"/>
                </a:lnTo>
                <a:cubicBezTo>
                  <a:pt x="28893" y="0"/>
                  <a:pt x="0" y="28893"/>
                  <a:pt x="0" y="64568"/>
                </a:cubicBezTo>
                <a:lnTo>
                  <a:pt x="0" y="142049"/>
                </a:lnTo>
                <a:cubicBezTo>
                  <a:pt x="0" y="177724"/>
                  <a:pt x="28893" y="206617"/>
                  <a:pt x="64568" y="206617"/>
                </a:cubicBezTo>
                <a:lnTo>
                  <a:pt x="223804" y="206617"/>
                </a:lnTo>
                <a:cubicBezTo>
                  <a:pt x="259479" y="206617"/>
                  <a:pt x="288372" y="177724"/>
                  <a:pt x="288372" y="142049"/>
                </a:cubicBezTo>
                <a:lnTo>
                  <a:pt x="288372" y="64568"/>
                </a:lnTo>
                <a:cubicBezTo>
                  <a:pt x="288372" y="28893"/>
                  <a:pt x="259479" y="0"/>
                  <a:pt x="223804" y="0"/>
                </a:cubicBezTo>
                <a:close/>
                <a:moveTo>
                  <a:pt x="153012" y="126999"/>
                </a:moveTo>
                <a:lnTo>
                  <a:pt x="113899" y="150689"/>
                </a:lnTo>
                <a:lnTo>
                  <a:pt x="113899" y="56021"/>
                </a:lnTo>
                <a:lnTo>
                  <a:pt x="153012" y="79711"/>
                </a:lnTo>
                <a:lnTo>
                  <a:pt x="192124" y="103401"/>
                </a:lnTo>
                <a:lnTo>
                  <a:pt x="153012" y="127092"/>
                </a:lnTo>
                <a:close/>
              </a:path>
            </a:pathLst>
          </a:custGeom>
          <a:solidFill>
            <a:schemeClr val="accent1"/>
          </a:solidFill>
          <a:ln w="9286"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AB63CD17-EEA8-9F4C-890B-BF82F648F3B6}"/>
              </a:ext>
            </a:extLst>
          </p:cNvPr>
          <p:cNvSpPr/>
          <p:nvPr userDrawn="1"/>
        </p:nvSpPr>
        <p:spPr>
          <a:xfrm>
            <a:off x="9659014" y="5734337"/>
            <a:ext cx="279081" cy="279081"/>
          </a:xfrm>
          <a:custGeom>
            <a:avLst/>
            <a:gdLst>
              <a:gd name="connsiteX0" fmla="*/ 33352 w 279081"/>
              <a:gd name="connsiteY0" fmla="*/ 78410 h 279081"/>
              <a:gd name="connsiteX1" fmla="*/ 33074 w 279081"/>
              <a:gd name="connsiteY1" fmla="*/ 78875 h 279081"/>
              <a:gd name="connsiteX2" fmla="*/ 17373 w 279081"/>
              <a:gd name="connsiteY2" fmla="*/ 130157 h 279081"/>
              <a:gd name="connsiteX3" fmla="*/ 17373 w 279081"/>
              <a:gd name="connsiteY3" fmla="*/ 130994 h 279081"/>
              <a:gd name="connsiteX4" fmla="*/ 61409 w 279081"/>
              <a:gd name="connsiteY4" fmla="*/ 130994 h 279081"/>
              <a:gd name="connsiteX5" fmla="*/ 61409 w 279081"/>
              <a:gd name="connsiteY5" fmla="*/ 130250 h 279081"/>
              <a:gd name="connsiteX6" fmla="*/ 67355 w 279081"/>
              <a:gd name="connsiteY6" fmla="*/ 85006 h 279081"/>
              <a:gd name="connsiteX7" fmla="*/ 67541 w 279081"/>
              <a:gd name="connsiteY7" fmla="*/ 84263 h 279081"/>
              <a:gd name="connsiteX8" fmla="*/ 66705 w 279081"/>
              <a:gd name="connsiteY8" fmla="*/ 84263 h 279081"/>
              <a:gd name="connsiteX9" fmla="*/ 33817 w 279081"/>
              <a:gd name="connsiteY9" fmla="*/ 78596 h 279081"/>
              <a:gd name="connsiteX10" fmla="*/ 33259 w 279081"/>
              <a:gd name="connsiteY10" fmla="*/ 78596 h 279081"/>
              <a:gd name="connsiteX11" fmla="*/ 211634 w 279081"/>
              <a:gd name="connsiteY11" fmla="*/ 84356 h 279081"/>
              <a:gd name="connsiteX12" fmla="*/ 211819 w 279081"/>
              <a:gd name="connsiteY12" fmla="*/ 85099 h 279081"/>
              <a:gd name="connsiteX13" fmla="*/ 217672 w 279081"/>
              <a:gd name="connsiteY13" fmla="*/ 130065 h 279081"/>
              <a:gd name="connsiteX14" fmla="*/ 217672 w 279081"/>
              <a:gd name="connsiteY14" fmla="*/ 130808 h 279081"/>
              <a:gd name="connsiteX15" fmla="*/ 261708 w 279081"/>
              <a:gd name="connsiteY15" fmla="*/ 130808 h 279081"/>
              <a:gd name="connsiteX16" fmla="*/ 261708 w 279081"/>
              <a:gd name="connsiteY16" fmla="*/ 129972 h 279081"/>
              <a:gd name="connsiteX17" fmla="*/ 246008 w 279081"/>
              <a:gd name="connsiteY17" fmla="*/ 78782 h 279081"/>
              <a:gd name="connsiteX18" fmla="*/ 245729 w 279081"/>
              <a:gd name="connsiteY18" fmla="*/ 78317 h 279081"/>
              <a:gd name="connsiteX19" fmla="*/ 245172 w 279081"/>
              <a:gd name="connsiteY19" fmla="*/ 78317 h 279081"/>
              <a:gd name="connsiteX20" fmla="*/ 212377 w 279081"/>
              <a:gd name="connsiteY20" fmla="*/ 84170 h 279081"/>
              <a:gd name="connsiteX21" fmla="*/ 211541 w 279081"/>
              <a:gd name="connsiteY21" fmla="*/ 84170 h 279081"/>
              <a:gd name="connsiteX22" fmla="*/ 185528 w 279081"/>
              <a:gd name="connsiteY22" fmla="*/ 25920 h 279081"/>
              <a:gd name="connsiteX23" fmla="*/ 187107 w 279081"/>
              <a:gd name="connsiteY23" fmla="*/ 28150 h 279081"/>
              <a:gd name="connsiteX24" fmla="*/ 196304 w 279081"/>
              <a:gd name="connsiteY24" fmla="*/ 42921 h 279081"/>
              <a:gd name="connsiteX25" fmla="*/ 206710 w 279081"/>
              <a:gd name="connsiteY25" fmla="*/ 67448 h 279081"/>
              <a:gd name="connsiteX26" fmla="*/ 206895 w 279081"/>
              <a:gd name="connsiteY26" fmla="*/ 68005 h 279081"/>
              <a:gd name="connsiteX27" fmla="*/ 207546 w 279081"/>
              <a:gd name="connsiteY27" fmla="*/ 68005 h 279081"/>
              <a:gd name="connsiteX28" fmla="*/ 234209 w 279081"/>
              <a:gd name="connsiteY28" fmla="*/ 63546 h 279081"/>
              <a:gd name="connsiteX29" fmla="*/ 235417 w 279081"/>
              <a:gd name="connsiteY29" fmla="*/ 63267 h 279081"/>
              <a:gd name="connsiteX30" fmla="*/ 234674 w 279081"/>
              <a:gd name="connsiteY30" fmla="*/ 62338 h 279081"/>
              <a:gd name="connsiteX31" fmla="*/ 226219 w 279081"/>
              <a:gd name="connsiteY31" fmla="*/ 52955 h 279081"/>
              <a:gd name="connsiteX32" fmla="*/ 188129 w 279081"/>
              <a:gd name="connsiteY32" fmla="*/ 27035 h 279081"/>
              <a:gd name="connsiteX33" fmla="*/ 185621 w 279081"/>
              <a:gd name="connsiteY33" fmla="*/ 25920 h 279081"/>
              <a:gd name="connsiteX34" fmla="*/ 93554 w 279081"/>
              <a:gd name="connsiteY34" fmla="*/ 25920 h 279081"/>
              <a:gd name="connsiteX35" fmla="*/ 91045 w 279081"/>
              <a:gd name="connsiteY35" fmla="*/ 27035 h 279081"/>
              <a:gd name="connsiteX36" fmla="*/ 52955 w 279081"/>
              <a:gd name="connsiteY36" fmla="*/ 52955 h 279081"/>
              <a:gd name="connsiteX37" fmla="*/ 44594 w 279081"/>
              <a:gd name="connsiteY37" fmla="*/ 62245 h 279081"/>
              <a:gd name="connsiteX38" fmla="*/ 43850 w 279081"/>
              <a:gd name="connsiteY38" fmla="*/ 63174 h 279081"/>
              <a:gd name="connsiteX39" fmla="*/ 45058 w 279081"/>
              <a:gd name="connsiteY39" fmla="*/ 63360 h 279081"/>
              <a:gd name="connsiteX40" fmla="*/ 71628 w 279081"/>
              <a:gd name="connsiteY40" fmla="*/ 67541 h 279081"/>
              <a:gd name="connsiteX41" fmla="*/ 72186 w 279081"/>
              <a:gd name="connsiteY41" fmla="*/ 67541 h 279081"/>
              <a:gd name="connsiteX42" fmla="*/ 72372 w 279081"/>
              <a:gd name="connsiteY42" fmla="*/ 67076 h 279081"/>
              <a:gd name="connsiteX43" fmla="*/ 82684 w 279081"/>
              <a:gd name="connsiteY43" fmla="*/ 42828 h 279081"/>
              <a:gd name="connsiteX44" fmla="*/ 91881 w 279081"/>
              <a:gd name="connsiteY44" fmla="*/ 28057 h 279081"/>
              <a:gd name="connsiteX45" fmla="*/ 93461 w 279081"/>
              <a:gd name="connsiteY45" fmla="*/ 25827 h 279081"/>
              <a:gd name="connsiteX46" fmla="*/ 93554 w 279081"/>
              <a:gd name="connsiteY46" fmla="*/ 253068 h 279081"/>
              <a:gd name="connsiteX47" fmla="*/ 91974 w 279081"/>
              <a:gd name="connsiteY47" fmla="*/ 250839 h 279081"/>
              <a:gd name="connsiteX48" fmla="*/ 82777 w 279081"/>
              <a:gd name="connsiteY48" fmla="*/ 236067 h 279081"/>
              <a:gd name="connsiteX49" fmla="*/ 72557 w 279081"/>
              <a:gd name="connsiteY49" fmla="*/ 212005 h 279081"/>
              <a:gd name="connsiteX50" fmla="*/ 72372 w 279081"/>
              <a:gd name="connsiteY50" fmla="*/ 211448 h 279081"/>
              <a:gd name="connsiteX51" fmla="*/ 71721 w 279081"/>
              <a:gd name="connsiteY51" fmla="*/ 211448 h 279081"/>
              <a:gd name="connsiteX52" fmla="*/ 45615 w 279081"/>
              <a:gd name="connsiteY52" fmla="*/ 216279 h 279081"/>
              <a:gd name="connsiteX53" fmla="*/ 44408 w 279081"/>
              <a:gd name="connsiteY53" fmla="*/ 216557 h 279081"/>
              <a:gd name="connsiteX54" fmla="*/ 45151 w 279081"/>
              <a:gd name="connsiteY54" fmla="*/ 217486 h 279081"/>
              <a:gd name="connsiteX55" fmla="*/ 52955 w 279081"/>
              <a:gd name="connsiteY55" fmla="*/ 226126 h 279081"/>
              <a:gd name="connsiteX56" fmla="*/ 91045 w 279081"/>
              <a:gd name="connsiteY56" fmla="*/ 252046 h 279081"/>
              <a:gd name="connsiteX57" fmla="*/ 93554 w 279081"/>
              <a:gd name="connsiteY57" fmla="*/ 253161 h 279081"/>
              <a:gd name="connsiteX58" fmla="*/ 185528 w 279081"/>
              <a:gd name="connsiteY58" fmla="*/ 253068 h 279081"/>
              <a:gd name="connsiteX59" fmla="*/ 188036 w 279081"/>
              <a:gd name="connsiteY59" fmla="*/ 251954 h 279081"/>
              <a:gd name="connsiteX60" fmla="*/ 226126 w 279081"/>
              <a:gd name="connsiteY60" fmla="*/ 226034 h 279081"/>
              <a:gd name="connsiteX61" fmla="*/ 234116 w 279081"/>
              <a:gd name="connsiteY61" fmla="*/ 217301 h 279081"/>
              <a:gd name="connsiteX62" fmla="*/ 234859 w 279081"/>
              <a:gd name="connsiteY62" fmla="*/ 216372 h 279081"/>
              <a:gd name="connsiteX63" fmla="*/ 233652 w 279081"/>
              <a:gd name="connsiteY63" fmla="*/ 216093 h 279081"/>
              <a:gd name="connsiteX64" fmla="*/ 207546 w 279081"/>
              <a:gd name="connsiteY64" fmla="*/ 211169 h 279081"/>
              <a:gd name="connsiteX65" fmla="*/ 206895 w 279081"/>
              <a:gd name="connsiteY65" fmla="*/ 211169 h 279081"/>
              <a:gd name="connsiteX66" fmla="*/ 206710 w 279081"/>
              <a:gd name="connsiteY66" fmla="*/ 211634 h 279081"/>
              <a:gd name="connsiteX67" fmla="*/ 196397 w 279081"/>
              <a:gd name="connsiteY67" fmla="*/ 235974 h 279081"/>
              <a:gd name="connsiteX68" fmla="*/ 187200 w 279081"/>
              <a:gd name="connsiteY68" fmla="*/ 250746 h 279081"/>
              <a:gd name="connsiteX69" fmla="*/ 185621 w 279081"/>
              <a:gd name="connsiteY69" fmla="*/ 252975 h 279081"/>
              <a:gd name="connsiteX70" fmla="*/ 211634 w 279081"/>
              <a:gd name="connsiteY70" fmla="*/ 194632 h 279081"/>
              <a:gd name="connsiteX71" fmla="*/ 212377 w 279081"/>
              <a:gd name="connsiteY71" fmla="*/ 194632 h 279081"/>
              <a:gd name="connsiteX72" fmla="*/ 244707 w 279081"/>
              <a:gd name="connsiteY72" fmla="*/ 201136 h 279081"/>
              <a:gd name="connsiteX73" fmla="*/ 245264 w 279081"/>
              <a:gd name="connsiteY73" fmla="*/ 201136 h 279081"/>
              <a:gd name="connsiteX74" fmla="*/ 245543 w 279081"/>
              <a:gd name="connsiteY74" fmla="*/ 200764 h 279081"/>
              <a:gd name="connsiteX75" fmla="*/ 261615 w 279081"/>
              <a:gd name="connsiteY75" fmla="*/ 148738 h 279081"/>
              <a:gd name="connsiteX76" fmla="*/ 261615 w 279081"/>
              <a:gd name="connsiteY76" fmla="*/ 147902 h 279081"/>
              <a:gd name="connsiteX77" fmla="*/ 217672 w 279081"/>
              <a:gd name="connsiteY77" fmla="*/ 147902 h 279081"/>
              <a:gd name="connsiteX78" fmla="*/ 217672 w 279081"/>
              <a:gd name="connsiteY78" fmla="*/ 148645 h 279081"/>
              <a:gd name="connsiteX79" fmla="*/ 211726 w 279081"/>
              <a:gd name="connsiteY79" fmla="*/ 193796 h 279081"/>
              <a:gd name="connsiteX80" fmla="*/ 211541 w 279081"/>
              <a:gd name="connsiteY80" fmla="*/ 194539 h 279081"/>
              <a:gd name="connsiteX81" fmla="*/ 33817 w 279081"/>
              <a:gd name="connsiteY81" fmla="*/ 201321 h 279081"/>
              <a:gd name="connsiteX82" fmla="*/ 34374 w 279081"/>
              <a:gd name="connsiteY82" fmla="*/ 201321 h 279081"/>
              <a:gd name="connsiteX83" fmla="*/ 66797 w 279081"/>
              <a:gd name="connsiteY83" fmla="*/ 195004 h 279081"/>
              <a:gd name="connsiteX84" fmla="*/ 67541 w 279081"/>
              <a:gd name="connsiteY84" fmla="*/ 195004 h 279081"/>
              <a:gd name="connsiteX85" fmla="*/ 67355 w 279081"/>
              <a:gd name="connsiteY85" fmla="*/ 194075 h 279081"/>
              <a:gd name="connsiteX86" fmla="*/ 61409 w 279081"/>
              <a:gd name="connsiteY86" fmla="*/ 148645 h 279081"/>
              <a:gd name="connsiteX87" fmla="*/ 61409 w 279081"/>
              <a:gd name="connsiteY87" fmla="*/ 147902 h 279081"/>
              <a:gd name="connsiteX88" fmla="*/ 17373 w 279081"/>
              <a:gd name="connsiteY88" fmla="*/ 147902 h 279081"/>
              <a:gd name="connsiteX89" fmla="*/ 17373 w 279081"/>
              <a:gd name="connsiteY89" fmla="*/ 148738 h 279081"/>
              <a:gd name="connsiteX90" fmla="*/ 33631 w 279081"/>
              <a:gd name="connsiteY90" fmla="*/ 200857 h 279081"/>
              <a:gd name="connsiteX91" fmla="*/ 33910 w 279081"/>
              <a:gd name="connsiteY91" fmla="*/ 201321 h 279081"/>
              <a:gd name="connsiteX92" fmla="*/ 131830 w 279081"/>
              <a:gd name="connsiteY92" fmla="*/ 72279 h 279081"/>
              <a:gd name="connsiteX93" fmla="*/ 131830 w 279081"/>
              <a:gd name="connsiteY93" fmla="*/ 18023 h 279081"/>
              <a:gd name="connsiteX94" fmla="*/ 130901 w 279081"/>
              <a:gd name="connsiteY94" fmla="*/ 18302 h 279081"/>
              <a:gd name="connsiteX95" fmla="*/ 97734 w 279081"/>
              <a:gd name="connsiteY95" fmla="*/ 50911 h 279081"/>
              <a:gd name="connsiteX96" fmla="*/ 89837 w 279081"/>
              <a:gd name="connsiteY96" fmla="*/ 68841 h 279081"/>
              <a:gd name="connsiteX97" fmla="*/ 89559 w 279081"/>
              <a:gd name="connsiteY97" fmla="*/ 69770 h 279081"/>
              <a:gd name="connsiteX98" fmla="*/ 90488 w 279081"/>
              <a:gd name="connsiteY98" fmla="*/ 69770 h 279081"/>
              <a:gd name="connsiteX99" fmla="*/ 131179 w 279081"/>
              <a:gd name="connsiteY99" fmla="*/ 72279 h 279081"/>
              <a:gd name="connsiteX100" fmla="*/ 131923 w 279081"/>
              <a:gd name="connsiteY100" fmla="*/ 72279 h 279081"/>
              <a:gd name="connsiteX101" fmla="*/ 84542 w 279081"/>
              <a:gd name="connsiteY101" fmla="*/ 86307 h 279081"/>
              <a:gd name="connsiteX102" fmla="*/ 84356 w 279081"/>
              <a:gd name="connsiteY102" fmla="*/ 86957 h 279081"/>
              <a:gd name="connsiteX103" fmla="*/ 78410 w 279081"/>
              <a:gd name="connsiteY103" fmla="*/ 130250 h 279081"/>
              <a:gd name="connsiteX104" fmla="*/ 78410 w 279081"/>
              <a:gd name="connsiteY104" fmla="*/ 130994 h 279081"/>
              <a:gd name="connsiteX105" fmla="*/ 131737 w 279081"/>
              <a:gd name="connsiteY105" fmla="*/ 130994 h 279081"/>
              <a:gd name="connsiteX106" fmla="*/ 131737 w 279081"/>
              <a:gd name="connsiteY106" fmla="*/ 89280 h 279081"/>
              <a:gd name="connsiteX107" fmla="*/ 130994 w 279081"/>
              <a:gd name="connsiteY107" fmla="*/ 89280 h 279081"/>
              <a:gd name="connsiteX108" fmla="*/ 85006 w 279081"/>
              <a:gd name="connsiteY108" fmla="*/ 86400 h 279081"/>
              <a:gd name="connsiteX109" fmla="*/ 84356 w 279081"/>
              <a:gd name="connsiteY109" fmla="*/ 86400 h 279081"/>
              <a:gd name="connsiteX110" fmla="*/ 131830 w 279081"/>
              <a:gd name="connsiteY110" fmla="*/ 189244 h 279081"/>
              <a:gd name="connsiteX111" fmla="*/ 131830 w 279081"/>
              <a:gd name="connsiteY111" fmla="*/ 147995 h 279081"/>
              <a:gd name="connsiteX112" fmla="*/ 78410 w 279081"/>
              <a:gd name="connsiteY112" fmla="*/ 147995 h 279081"/>
              <a:gd name="connsiteX113" fmla="*/ 78410 w 279081"/>
              <a:gd name="connsiteY113" fmla="*/ 148738 h 279081"/>
              <a:gd name="connsiteX114" fmla="*/ 84356 w 279081"/>
              <a:gd name="connsiteY114" fmla="*/ 191938 h 279081"/>
              <a:gd name="connsiteX115" fmla="*/ 84542 w 279081"/>
              <a:gd name="connsiteY115" fmla="*/ 192588 h 279081"/>
              <a:gd name="connsiteX116" fmla="*/ 85192 w 279081"/>
              <a:gd name="connsiteY116" fmla="*/ 192588 h 279081"/>
              <a:gd name="connsiteX117" fmla="*/ 131179 w 279081"/>
              <a:gd name="connsiteY117" fmla="*/ 189244 h 279081"/>
              <a:gd name="connsiteX118" fmla="*/ 131923 w 279081"/>
              <a:gd name="connsiteY118" fmla="*/ 189244 h 279081"/>
              <a:gd name="connsiteX119" fmla="*/ 131830 w 279081"/>
              <a:gd name="connsiteY119" fmla="*/ 260965 h 279081"/>
              <a:gd name="connsiteX120" fmla="*/ 131830 w 279081"/>
              <a:gd name="connsiteY120" fmla="*/ 206245 h 279081"/>
              <a:gd name="connsiteX121" fmla="*/ 131086 w 279081"/>
              <a:gd name="connsiteY121" fmla="*/ 206245 h 279081"/>
              <a:gd name="connsiteX122" fmla="*/ 90395 w 279081"/>
              <a:gd name="connsiteY122" fmla="*/ 209032 h 279081"/>
              <a:gd name="connsiteX123" fmla="*/ 89466 w 279081"/>
              <a:gd name="connsiteY123" fmla="*/ 209032 h 279081"/>
              <a:gd name="connsiteX124" fmla="*/ 89745 w 279081"/>
              <a:gd name="connsiteY124" fmla="*/ 210054 h 279081"/>
              <a:gd name="connsiteX125" fmla="*/ 97734 w 279081"/>
              <a:gd name="connsiteY125" fmla="*/ 228170 h 279081"/>
              <a:gd name="connsiteX126" fmla="*/ 130901 w 279081"/>
              <a:gd name="connsiteY126" fmla="*/ 260779 h 279081"/>
              <a:gd name="connsiteX127" fmla="*/ 131830 w 279081"/>
              <a:gd name="connsiteY127" fmla="*/ 261058 h 279081"/>
              <a:gd name="connsiteX128" fmla="*/ 148924 w 279081"/>
              <a:gd name="connsiteY128" fmla="*/ 206245 h 279081"/>
              <a:gd name="connsiteX129" fmla="*/ 148924 w 279081"/>
              <a:gd name="connsiteY129" fmla="*/ 260501 h 279081"/>
              <a:gd name="connsiteX130" fmla="*/ 149946 w 279081"/>
              <a:gd name="connsiteY130" fmla="*/ 260129 h 279081"/>
              <a:gd name="connsiteX131" fmla="*/ 181440 w 279081"/>
              <a:gd name="connsiteY131" fmla="*/ 228077 h 279081"/>
              <a:gd name="connsiteX132" fmla="*/ 189523 w 279081"/>
              <a:gd name="connsiteY132" fmla="*/ 209683 h 279081"/>
              <a:gd name="connsiteX133" fmla="*/ 189801 w 279081"/>
              <a:gd name="connsiteY133" fmla="*/ 208846 h 279081"/>
              <a:gd name="connsiteX134" fmla="*/ 188872 w 279081"/>
              <a:gd name="connsiteY134" fmla="*/ 208846 h 279081"/>
              <a:gd name="connsiteX135" fmla="*/ 149667 w 279081"/>
              <a:gd name="connsiteY135" fmla="*/ 206245 h 279081"/>
              <a:gd name="connsiteX136" fmla="*/ 148924 w 279081"/>
              <a:gd name="connsiteY136" fmla="*/ 206245 h 279081"/>
              <a:gd name="connsiteX137" fmla="*/ 194725 w 279081"/>
              <a:gd name="connsiteY137" fmla="*/ 192310 h 279081"/>
              <a:gd name="connsiteX138" fmla="*/ 194911 w 279081"/>
              <a:gd name="connsiteY138" fmla="*/ 191659 h 279081"/>
              <a:gd name="connsiteX139" fmla="*/ 200671 w 279081"/>
              <a:gd name="connsiteY139" fmla="*/ 148738 h 279081"/>
              <a:gd name="connsiteX140" fmla="*/ 200671 w 279081"/>
              <a:gd name="connsiteY140" fmla="*/ 147995 h 279081"/>
              <a:gd name="connsiteX141" fmla="*/ 148924 w 279081"/>
              <a:gd name="connsiteY141" fmla="*/ 147995 h 279081"/>
              <a:gd name="connsiteX142" fmla="*/ 148924 w 279081"/>
              <a:gd name="connsiteY142" fmla="*/ 189151 h 279081"/>
              <a:gd name="connsiteX143" fmla="*/ 149667 w 279081"/>
              <a:gd name="connsiteY143" fmla="*/ 189151 h 279081"/>
              <a:gd name="connsiteX144" fmla="*/ 194075 w 279081"/>
              <a:gd name="connsiteY144" fmla="*/ 192217 h 279081"/>
              <a:gd name="connsiteX145" fmla="*/ 194725 w 279081"/>
              <a:gd name="connsiteY145" fmla="*/ 192217 h 279081"/>
              <a:gd name="connsiteX146" fmla="*/ 194725 w 279081"/>
              <a:gd name="connsiteY146" fmla="*/ 86679 h 279081"/>
              <a:gd name="connsiteX147" fmla="*/ 194075 w 279081"/>
              <a:gd name="connsiteY147" fmla="*/ 86679 h 279081"/>
              <a:gd name="connsiteX148" fmla="*/ 149667 w 279081"/>
              <a:gd name="connsiteY148" fmla="*/ 89373 h 279081"/>
              <a:gd name="connsiteX149" fmla="*/ 148924 w 279081"/>
              <a:gd name="connsiteY149" fmla="*/ 89373 h 279081"/>
              <a:gd name="connsiteX150" fmla="*/ 148924 w 279081"/>
              <a:gd name="connsiteY150" fmla="*/ 131086 h 279081"/>
              <a:gd name="connsiteX151" fmla="*/ 200671 w 279081"/>
              <a:gd name="connsiteY151" fmla="*/ 131086 h 279081"/>
              <a:gd name="connsiteX152" fmla="*/ 200671 w 279081"/>
              <a:gd name="connsiteY152" fmla="*/ 130343 h 279081"/>
              <a:gd name="connsiteX153" fmla="*/ 194818 w 279081"/>
              <a:gd name="connsiteY153" fmla="*/ 87329 h 279081"/>
              <a:gd name="connsiteX154" fmla="*/ 194632 w 279081"/>
              <a:gd name="connsiteY154" fmla="*/ 86679 h 279081"/>
              <a:gd name="connsiteX155" fmla="*/ 189801 w 279081"/>
              <a:gd name="connsiteY155" fmla="*/ 70049 h 279081"/>
              <a:gd name="connsiteX156" fmla="*/ 189523 w 279081"/>
              <a:gd name="connsiteY156" fmla="*/ 69120 h 279081"/>
              <a:gd name="connsiteX157" fmla="*/ 181533 w 279081"/>
              <a:gd name="connsiteY157" fmla="*/ 50911 h 279081"/>
              <a:gd name="connsiteX158" fmla="*/ 150039 w 279081"/>
              <a:gd name="connsiteY158" fmla="*/ 18859 h 279081"/>
              <a:gd name="connsiteX159" fmla="*/ 149017 w 279081"/>
              <a:gd name="connsiteY159" fmla="*/ 18488 h 279081"/>
              <a:gd name="connsiteX160" fmla="*/ 149017 w 279081"/>
              <a:gd name="connsiteY160" fmla="*/ 72279 h 279081"/>
              <a:gd name="connsiteX161" fmla="*/ 149760 w 279081"/>
              <a:gd name="connsiteY161" fmla="*/ 72279 h 279081"/>
              <a:gd name="connsiteX162" fmla="*/ 188872 w 279081"/>
              <a:gd name="connsiteY162" fmla="*/ 70049 h 279081"/>
              <a:gd name="connsiteX163" fmla="*/ 189801 w 279081"/>
              <a:gd name="connsiteY163" fmla="*/ 70049 h 279081"/>
              <a:gd name="connsiteX164" fmla="*/ 139541 w 279081"/>
              <a:gd name="connsiteY164" fmla="*/ 0 h 279081"/>
              <a:gd name="connsiteX165" fmla="*/ 238204 w 279081"/>
              <a:gd name="connsiteY165" fmla="*/ 40877 h 279081"/>
              <a:gd name="connsiteX166" fmla="*/ 279081 w 279081"/>
              <a:gd name="connsiteY166" fmla="*/ 139541 h 279081"/>
              <a:gd name="connsiteX167" fmla="*/ 238204 w 279081"/>
              <a:gd name="connsiteY167" fmla="*/ 238204 h 279081"/>
              <a:gd name="connsiteX168" fmla="*/ 139541 w 279081"/>
              <a:gd name="connsiteY168" fmla="*/ 279081 h 279081"/>
              <a:gd name="connsiteX169" fmla="*/ 40877 w 279081"/>
              <a:gd name="connsiteY169" fmla="*/ 238204 h 279081"/>
              <a:gd name="connsiteX170" fmla="*/ 0 w 279081"/>
              <a:gd name="connsiteY170" fmla="*/ 139541 h 279081"/>
              <a:gd name="connsiteX171" fmla="*/ 40877 w 279081"/>
              <a:gd name="connsiteY171" fmla="*/ 40877 h 279081"/>
              <a:gd name="connsiteX172" fmla="*/ 139541 w 279081"/>
              <a:gd name="connsiteY172" fmla="*/ 0 h 2790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Lst>
            <a:rect l="l" t="t" r="r" b="b"/>
            <a:pathLst>
              <a:path w="279081" h="279081">
                <a:moveTo>
                  <a:pt x="33352" y="78410"/>
                </a:moveTo>
                <a:lnTo>
                  <a:pt x="33074" y="78875"/>
                </a:lnTo>
                <a:cubicBezTo>
                  <a:pt x="24062" y="94575"/>
                  <a:pt x="18766" y="112134"/>
                  <a:pt x="17373" y="130157"/>
                </a:cubicBezTo>
                <a:lnTo>
                  <a:pt x="17373" y="130994"/>
                </a:lnTo>
                <a:lnTo>
                  <a:pt x="61409" y="130994"/>
                </a:lnTo>
                <a:lnTo>
                  <a:pt x="61409" y="130250"/>
                </a:lnTo>
                <a:cubicBezTo>
                  <a:pt x="61966" y="115014"/>
                  <a:pt x="63917" y="99778"/>
                  <a:pt x="67355" y="85006"/>
                </a:cubicBezTo>
                <a:lnTo>
                  <a:pt x="67541" y="84263"/>
                </a:lnTo>
                <a:lnTo>
                  <a:pt x="66705" y="84263"/>
                </a:lnTo>
                <a:cubicBezTo>
                  <a:pt x="55742" y="82591"/>
                  <a:pt x="44779" y="80733"/>
                  <a:pt x="33817" y="78596"/>
                </a:cubicBezTo>
                <a:lnTo>
                  <a:pt x="33259" y="78596"/>
                </a:lnTo>
                <a:close/>
                <a:moveTo>
                  <a:pt x="211634" y="84356"/>
                </a:moveTo>
                <a:lnTo>
                  <a:pt x="211819" y="85099"/>
                </a:lnTo>
                <a:cubicBezTo>
                  <a:pt x="215257" y="99871"/>
                  <a:pt x="217115" y="114921"/>
                  <a:pt x="217672" y="130065"/>
                </a:cubicBezTo>
                <a:lnTo>
                  <a:pt x="217672" y="130808"/>
                </a:lnTo>
                <a:lnTo>
                  <a:pt x="261708" y="130808"/>
                </a:lnTo>
                <a:lnTo>
                  <a:pt x="261708" y="129972"/>
                </a:lnTo>
                <a:cubicBezTo>
                  <a:pt x="260315" y="111948"/>
                  <a:pt x="255019" y="94483"/>
                  <a:pt x="246008" y="78782"/>
                </a:cubicBezTo>
                <a:lnTo>
                  <a:pt x="245729" y="78317"/>
                </a:lnTo>
                <a:lnTo>
                  <a:pt x="245172" y="78317"/>
                </a:lnTo>
                <a:cubicBezTo>
                  <a:pt x="234302" y="80733"/>
                  <a:pt x="223339" y="82591"/>
                  <a:pt x="212377" y="84170"/>
                </a:cubicBezTo>
                <a:lnTo>
                  <a:pt x="211541" y="84170"/>
                </a:lnTo>
                <a:close/>
                <a:moveTo>
                  <a:pt x="185528" y="25920"/>
                </a:moveTo>
                <a:lnTo>
                  <a:pt x="187107" y="28150"/>
                </a:lnTo>
                <a:cubicBezTo>
                  <a:pt x="190545" y="32795"/>
                  <a:pt x="193610" y="37812"/>
                  <a:pt x="196304" y="42921"/>
                </a:cubicBezTo>
                <a:cubicBezTo>
                  <a:pt x="200485" y="50725"/>
                  <a:pt x="203923" y="58994"/>
                  <a:pt x="206710" y="67448"/>
                </a:cubicBezTo>
                <a:lnTo>
                  <a:pt x="206895" y="68005"/>
                </a:lnTo>
                <a:lnTo>
                  <a:pt x="207546" y="68005"/>
                </a:lnTo>
                <a:cubicBezTo>
                  <a:pt x="216464" y="66705"/>
                  <a:pt x="225290" y="65218"/>
                  <a:pt x="234209" y="63546"/>
                </a:cubicBezTo>
                <a:lnTo>
                  <a:pt x="235417" y="63267"/>
                </a:lnTo>
                <a:lnTo>
                  <a:pt x="234674" y="62338"/>
                </a:lnTo>
                <a:cubicBezTo>
                  <a:pt x="231979" y="59086"/>
                  <a:pt x="229192" y="55928"/>
                  <a:pt x="226219" y="52955"/>
                </a:cubicBezTo>
                <a:cubicBezTo>
                  <a:pt x="215257" y="41992"/>
                  <a:pt x="202343" y="33166"/>
                  <a:pt x="188129" y="27035"/>
                </a:cubicBezTo>
                <a:lnTo>
                  <a:pt x="185621" y="25920"/>
                </a:lnTo>
                <a:close/>
                <a:moveTo>
                  <a:pt x="93554" y="25920"/>
                </a:moveTo>
                <a:lnTo>
                  <a:pt x="91045" y="27035"/>
                </a:lnTo>
                <a:cubicBezTo>
                  <a:pt x="76831" y="33166"/>
                  <a:pt x="63917" y="41992"/>
                  <a:pt x="52955" y="52955"/>
                </a:cubicBezTo>
                <a:cubicBezTo>
                  <a:pt x="49982" y="55928"/>
                  <a:pt x="47195" y="58994"/>
                  <a:pt x="44594" y="62245"/>
                </a:cubicBezTo>
                <a:lnTo>
                  <a:pt x="43850" y="63174"/>
                </a:lnTo>
                <a:lnTo>
                  <a:pt x="45058" y="63360"/>
                </a:lnTo>
                <a:cubicBezTo>
                  <a:pt x="53884" y="64939"/>
                  <a:pt x="62710" y="66426"/>
                  <a:pt x="71628" y="67541"/>
                </a:cubicBezTo>
                <a:lnTo>
                  <a:pt x="72186" y="67541"/>
                </a:lnTo>
                <a:lnTo>
                  <a:pt x="72372" y="67076"/>
                </a:lnTo>
                <a:cubicBezTo>
                  <a:pt x="75159" y="58715"/>
                  <a:pt x="78503" y="50632"/>
                  <a:pt x="82684" y="42828"/>
                </a:cubicBezTo>
                <a:cubicBezTo>
                  <a:pt x="85378" y="37719"/>
                  <a:pt x="88444" y="32795"/>
                  <a:pt x="91881" y="28057"/>
                </a:cubicBezTo>
                <a:lnTo>
                  <a:pt x="93461" y="25827"/>
                </a:lnTo>
                <a:close/>
                <a:moveTo>
                  <a:pt x="93554" y="253068"/>
                </a:moveTo>
                <a:lnTo>
                  <a:pt x="91974" y="250839"/>
                </a:lnTo>
                <a:cubicBezTo>
                  <a:pt x="88537" y="246194"/>
                  <a:pt x="85471" y="241177"/>
                  <a:pt x="82777" y="236067"/>
                </a:cubicBezTo>
                <a:cubicBezTo>
                  <a:pt x="78689" y="228356"/>
                  <a:pt x="75345" y="220274"/>
                  <a:pt x="72557" y="212005"/>
                </a:cubicBezTo>
                <a:lnTo>
                  <a:pt x="72372" y="211448"/>
                </a:lnTo>
                <a:lnTo>
                  <a:pt x="71721" y="211448"/>
                </a:lnTo>
                <a:cubicBezTo>
                  <a:pt x="62988" y="212841"/>
                  <a:pt x="54255" y="214514"/>
                  <a:pt x="45615" y="216279"/>
                </a:cubicBezTo>
                <a:lnTo>
                  <a:pt x="44408" y="216557"/>
                </a:lnTo>
                <a:lnTo>
                  <a:pt x="45151" y="217486"/>
                </a:lnTo>
                <a:cubicBezTo>
                  <a:pt x="47659" y="220459"/>
                  <a:pt x="50261" y="223339"/>
                  <a:pt x="52955" y="226126"/>
                </a:cubicBezTo>
                <a:cubicBezTo>
                  <a:pt x="63917" y="237089"/>
                  <a:pt x="76831" y="245915"/>
                  <a:pt x="91045" y="252046"/>
                </a:cubicBezTo>
                <a:lnTo>
                  <a:pt x="93554" y="253161"/>
                </a:lnTo>
                <a:close/>
                <a:moveTo>
                  <a:pt x="185528" y="253068"/>
                </a:moveTo>
                <a:lnTo>
                  <a:pt x="188036" y="251954"/>
                </a:lnTo>
                <a:cubicBezTo>
                  <a:pt x="202250" y="245822"/>
                  <a:pt x="215164" y="236996"/>
                  <a:pt x="226126" y="226034"/>
                </a:cubicBezTo>
                <a:cubicBezTo>
                  <a:pt x="228914" y="223246"/>
                  <a:pt x="231608" y="220366"/>
                  <a:pt x="234116" y="217301"/>
                </a:cubicBezTo>
                <a:lnTo>
                  <a:pt x="234859" y="216372"/>
                </a:lnTo>
                <a:lnTo>
                  <a:pt x="233652" y="216093"/>
                </a:lnTo>
                <a:cubicBezTo>
                  <a:pt x="225012" y="214235"/>
                  <a:pt x="216279" y="212563"/>
                  <a:pt x="207546" y="211169"/>
                </a:cubicBezTo>
                <a:lnTo>
                  <a:pt x="206895" y="211169"/>
                </a:lnTo>
                <a:lnTo>
                  <a:pt x="206710" y="211634"/>
                </a:lnTo>
                <a:cubicBezTo>
                  <a:pt x="203923" y="219995"/>
                  <a:pt x="200485" y="228170"/>
                  <a:pt x="196397" y="235974"/>
                </a:cubicBezTo>
                <a:cubicBezTo>
                  <a:pt x="193703" y="241084"/>
                  <a:pt x="190637" y="246008"/>
                  <a:pt x="187200" y="250746"/>
                </a:cubicBezTo>
                <a:lnTo>
                  <a:pt x="185621" y="252975"/>
                </a:lnTo>
                <a:close/>
                <a:moveTo>
                  <a:pt x="211634" y="194632"/>
                </a:moveTo>
                <a:lnTo>
                  <a:pt x="212377" y="194632"/>
                </a:lnTo>
                <a:cubicBezTo>
                  <a:pt x="223246" y="196490"/>
                  <a:pt x="234023" y="198627"/>
                  <a:pt x="244707" y="201136"/>
                </a:cubicBezTo>
                <a:lnTo>
                  <a:pt x="245264" y="201136"/>
                </a:lnTo>
                <a:lnTo>
                  <a:pt x="245543" y="200764"/>
                </a:lnTo>
                <a:cubicBezTo>
                  <a:pt x="254741" y="184877"/>
                  <a:pt x="260222" y="167040"/>
                  <a:pt x="261615" y="148738"/>
                </a:cubicBezTo>
                <a:lnTo>
                  <a:pt x="261615" y="147902"/>
                </a:lnTo>
                <a:lnTo>
                  <a:pt x="217672" y="147902"/>
                </a:lnTo>
                <a:lnTo>
                  <a:pt x="217672" y="148645"/>
                </a:lnTo>
                <a:cubicBezTo>
                  <a:pt x="217115" y="163788"/>
                  <a:pt x="215257" y="179025"/>
                  <a:pt x="211726" y="193796"/>
                </a:cubicBezTo>
                <a:lnTo>
                  <a:pt x="211541" y="194539"/>
                </a:lnTo>
                <a:close/>
                <a:moveTo>
                  <a:pt x="33817" y="201321"/>
                </a:moveTo>
                <a:lnTo>
                  <a:pt x="34374" y="201321"/>
                </a:lnTo>
                <a:cubicBezTo>
                  <a:pt x="45151" y="198813"/>
                  <a:pt x="55928" y="196769"/>
                  <a:pt x="66797" y="195004"/>
                </a:cubicBezTo>
                <a:lnTo>
                  <a:pt x="67541" y="195004"/>
                </a:lnTo>
                <a:lnTo>
                  <a:pt x="67355" y="194075"/>
                </a:lnTo>
                <a:cubicBezTo>
                  <a:pt x="63825" y="179210"/>
                  <a:pt x="61966" y="163881"/>
                  <a:pt x="61409" y="148645"/>
                </a:cubicBezTo>
                <a:lnTo>
                  <a:pt x="61409" y="147902"/>
                </a:lnTo>
                <a:lnTo>
                  <a:pt x="17373" y="147902"/>
                </a:lnTo>
                <a:lnTo>
                  <a:pt x="17373" y="148738"/>
                </a:lnTo>
                <a:cubicBezTo>
                  <a:pt x="18859" y="167133"/>
                  <a:pt x="24341" y="184877"/>
                  <a:pt x="33631" y="200857"/>
                </a:cubicBezTo>
                <a:lnTo>
                  <a:pt x="33910" y="201321"/>
                </a:lnTo>
                <a:close/>
                <a:moveTo>
                  <a:pt x="131830" y="72279"/>
                </a:moveTo>
                <a:lnTo>
                  <a:pt x="131830" y="18023"/>
                </a:lnTo>
                <a:lnTo>
                  <a:pt x="130901" y="18302"/>
                </a:lnTo>
                <a:cubicBezTo>
                  <a:pt x="116036" y="22761"/>
                  <a:pt x="104702" y="37719"/>
                  <a:pt x="97734" y="50911"/>
                </a:cubicBezTo>
                <a:cubicBezTo>
                  <a:pt x="94668" y="56671"/>
                  <a:pt x="92067" y="62710"/>
                  <a:pt x="89837" y="68841"/>
                </a:cubicBezTo>
                <a:lnTo>
                  <a:pt x="89559" y="69770"/>
                </a:lnTo>
                <a:lnTo>
                  <a:pt x="90488" y="69770"/>
                </a:lnTo>
                <a:cubicBezTo>
                  <a:pt x="103959" y="71164"/>
                  <a:pt x="117523" y="72000"/>
                  <a:pt x="131179" y="72279"/>
                </a:cubicBezTo>
                <a:lnTo>
                  <a:pt x="131923" y="72279"/>
                </a:lnTo>
                <a:close/>
                <a:moveTo>
                  <a:pt x="84542" y="86307"/>
                </a:moveTo>
                <a:lnTo>
                  <a:pt x="84356" y="86957"/>
                </a:lnTo>
                <a:cubicBezTo>
                  <a:pt x="80919" y="101172"/>
                  <a:pt x="79061" y="115665"/>
                  <a:pt x="78410" y="130250"/>
                </a:cubicBezTo>
                <a:lnTo>
                  <a:pt x="78410" y="130994"/>
                </a:lnTo>
                <a:lnTo>
                  <a:pt x="131737" y="130994"/>
                </a:lnTo>
                <a:lnTo>
                  <a:pt x="131737" y="89280"/>
                </a:lnTo>
                <a:lnTo>
                  <a:pt x="130994" y="89280"/>
                </a:lnTo>
                <a:cubicBezTo>
                  <a:pt x="115665" y="89001"/>
                  <a:pt x="100335" y="87979"/>
                  <a:pt x="85006" y="86400"/>
                </a:cubicBezTo>
                <a:lnTo>
                  <a:pt x="84356" y="86400"/>
                </a:lnTo>
                <a:close/>
                <a:moveTo>
                  <a:pt x="131830" y="189244"/>
                </a:moveTo>
                <a:lnTo>
                  <a:pt x="131830" y="147995"/>
                </a:lnTo>
                <a:lnTo>
                  <a:pt x="78410" y="147995"/>
                </a:lnTo>
                <a:lnTo>
                  <a:pt x="78410" y="148738"/>
                </a:lnTo>
                <a:cubicBezTo>
                  <a:pt x="78968" y="163231"/>
                  <a:pt x="80826" y="177817"/>
                  <a:pt x="84356" y="191938"/>
                </a:cubicBezTo>
                <a:lnTo>
                  <a:pt x="84542" y="192588"/>
                </a:lnTo>
                <a:lnTo>
                  <a:pt x="85192" y="192588"/>
                </a:lnTo>
                <a:cubicBezTo>
                  <a:pt x="100428" y="190730"/>
                  <a:pt x="115757" y="189615"/>
                  <a:pt x="131179" y="189244"/>
                </a:cubicBezTo>
                <a:lnTo>
                  <a:pt x="131923" y="189244"/>
                </a:lnTo>
                <a:close/>
                <a:moveTo>
                  <a:pt x="131830" y="260965"/>
                </a:moveTo>
                <a:lnTo>
                  <a:pt x="131830" y="206245"/>
                </a:lnTo>
                <a:lnTo>
                  <a:pt x="131086" y="206245"/>
                </a:lnTo>
                <a:cubicBezTo>
                  <a:pt x="117523" y="206617"/>
                  <a:pt x="103866" y="207546"/>
                  <a:pt x="90395" y="209032"/>
                </a:cubicBezTo>
                <a:lnTo>
                  <a:pt x="89466" y="209032"/>
                </a:lnTo>
                <a:lnTo>
                  <a:pt x="89745" y="210054"/>
                </a:lnTo>
                <a:cubicBezTo>
                  <a:pt x="91974" y="216279"/>
                  <a:pt x="94575" y="222317"/>
                  <a:pt x="97734" y="228170"/>
                </a:cubicBezTo>
                <a:cubicBezTo>
                  <a:pt x="104702" y="241270"/>
                  <a:pt x="116036" y="256320"/>
                  <a:pt x="130901" y="260779"/>
                </a:cubicBezTo>
                <a:lnTo>
                  <a:pt x="131830" y="261058"/>
                </a:lnTo>
                <a:close/>
                <a:moveTo>
                  <a:pt x="148924" y="206245"/>
                </a:moveTo>
                <a:lnTo>
                  <a:pt x="148924" y="260501"/>
                </a:lnTo>
                <a:lnTo>
                  <a:pt x="149946" y="260129"/>
                </a:lnTo>
                <a:cubicBezTo>
                  <a:pt x="163974" y="255112"/>
                  <a:pt x="174658" y="240805"/>
                  <a:pt x="181440" y="228077"/>
                </a:cubicBezTo>
                <a:cubicBezTo>
                  <a:pt x="184599" y="222132"/>
                  <a:pt x="187200" y="216000"/>
                  <a:pt x="189523" y="209683"/>
                </a:cubicBezTo>
                <a:lnTo>
                  <a:pt x="189801" y="208846"/>
                </a:lnTo>
                <a:lnTo>
                  <a:pt x="188872" y="208846"/>
                </a:lnTo>
                <a:cubicBezTo>
                  <a:pt x="175866" y="207267"/>
                  <a:pt x="162766" y="206431"/>
                  <a:pt x="149667" y="206245"/>
                </a:cubicBezTo>
                <a:lnTo>
                  <a:pt x="148924" y="206245"/>
                </a:lnTo>
                <a:close/>
                <a:moveTo>
                  <a:pt x="194725" y="192310"/>
                </a:moveTo>
                <a:lnTo>
                  <a:pt x="194911" y="191659"/>
                </a:lnTo>
                <a:cubicBezTo>
                  <a:pt x="198348" y="177631"/>
                  <a:pt x="200114" y="163231"/>
                  <a:pt x="200671" y="148738"/>
                </a:cubicBezTo>
                <a:lnTo>
                  <a:pt x="200671" y="147995"/>
                </a:lnTo>
                <a:lnTo>
                  <a:pt x="148924" y="147995"/>
                </a:lnTo>
                <a:lnTo>
                  <a:pt x="148924" y="189151"/>
                </a:lnTo>
                <a:lnTo>
                  <a:pt x="149667" y="189151"/>
                </a:lnTo>
                <a:cubicBezTo>
                  <a:pt x="164532" y="189430"/>
                  <a:pt x="179303" y="190452"/>
                  <a:pt x="194075" y="192217"/>
                </a:cubicBezTo>
                <a:lnTo>
                  <a:pt x="194725" y="192217"/>
                </a:lnTo>
                <a:close/>
                <a:moveTo>
                  <a:pt x="194725" y="86679"/>
                </a:moveTo>
                <a:lnTo>
                  <a:pt x="194075" y="86679"/>
                </a:lnTo>
                <a:cubicBezTo>
                  <a:pt x="179303" y="88258"/>
                  <a:pt x="164532" y="89187"/>
                  <a:pt x="149667" y="89373"/>
                </a:cubicBezTo>
                <a:lnTo>
                  <a:pt x="148924" y="89373"/>
                </a:lnTo>
                <a:lnTo>
                  <a:pt x="148924" y="131086"/>
                </a:lnTo>
                <a:lnTo>
                  <a:pt x="200671" y="131086"/>
                </a:lnTo>
                <a:lnTo>
                  <a:pt x="200671" y="130343"/>
                </a:lnTo>
                <a:cubicBezTo>
                  <a:pt x="200114" y="115850"/>
                  <a:pt x="198255" y="101450"/>
                  <a:pt x="194818" y="87329"/>
                </a:cubicBezTo>
                <a:lnTo>
                  <a:pt x="194632" y="86679"/>
                </a:lnTo>
                <a:close/>
                <a:moveTo>
                  <a:pt x="189801" y="70049"/>
                </a:moveTo>
                <a:lnTo>
                  <a:pt x="189523" y="69120"/>
                </a:lnTo>
                <a:cubicBezTo>
                  <a:pt x="187293" y="62895"/>
                  <a:pt x="184599" y="56764"/>
                  <a:pt x="181533" y="50911"/>
                </a:cubicBezTo>
                <a:cubicBezTo>
                  <a:pt x="174751" y="38183"/>
                  <a:pt x="164067" y="23876"/>
                  <a:pt x="150039" y="18859"/>
                </a:cubicBezTo>
                <a:lnTo>
                  <a:pt x="149017" y="18488"/>
                </a:lnTo>
                <a:lnTo>
                  <a:pt x="149017" y="72279"/>
                </a:lnTo>
                <a:lnTo>
                  <a:pt x="149760" y="72279"/>
                </a:lnTo>
                <a:cubicBezTo>
                  <a:pt x="162859" y="72093"/>
                  <a:pt x="175866" y="71350"/>
                  <a:pt x="188872" y="70049"/>
                </a:cubicBezTo>
                <a:lnTo>
                  <a:pt x="189801" y="70049"/>
                </a:lnTo>
                <a:close/>
                <a:moveTo>
                  <a:pt x="139541" y="0"/>
                </a:moveTo>
                <a:cubicBezTo>
                  <a:pt x="176702" y="0"/>
                  <a:pt x="211912" y="14586"/>
                  <a:pt x="238204" y="40877"/>
                </a:cubicBezTo>
                <a:cubicBezTo>
                  <a:pt x="264495" y="67169"/>
                  <a:pt x="279081" y="102379"/>
                  <a:pt x="279081" y="139541"/>
                </a:cubicBezTo>
                <a:cubicBezTo>
                  <a:pt x="279081" y="176702"/>
                  <a:pt x="264495" y="211912"/>
                  <a:pt x="238204" y="238204"/>
                </a:cubicBezTo>
                <a:cubicBezTo>
                  <a:pt x="211912" y="264496"/>
                  <a:pt x="176702" y="279081"/>
                  <a:pt x="139541" y="279081"/>
                </a:cubicBezTo>
                <a:cubicBezTo>
                  <a:pt x="102379" y="279081"/>
                  <a:pt x="67169" y="264496"/>
                  <a:pt x="40877" y="238204"/>
                </a:cubicBezTo>
                <a:cubicBezTo>
                  <a:pt x="14586" y="211912"/>
                  <a:pt x="0" y="176609"/>
                  <a:pt x="0" y="139541"/>
                </a:cubicBezTo>
                <a:cubicBezTo>
                  <a:pt x="0" y="102472"/>
                  <a:pt x="14586" y="67076"/>
                  <a:pt x="40877" y="40877"/>
                </a:cubicBezTo>
                <a:cubicBezTo>
                  <a:pt x="67076" y="14586"/>
                  <a:pt x="102379" y="0"/>
                  <a:pt x="139541" y="0"/>
                </a:cubicBezTo>
                <a:close/>
              </a:path>
            </a:pathLst>
          </a:custGeom>
          <a:solidFill>
            <a:schemeClr val="accent1"/>
          </a:solidFill>
          <a:ln w="9286" cap="flat">
            <a:noFill/>
            <a:prstDash val="solid"/>
            <a:miter/>
          </a:ln>
        </p:spPr>
        <p:txBody>
          <a:bodyPr rtlCol="0" anchor="ctr"/>
          <a:lstStyle/>
          <a:p>
            <a:endParaRPr lang="en-GB"/>
          </a:p>
        </p:txBody>
      </p:sp>
      <p:sp>
        <p:nvSpPr>
          <p:cNvPr id="20" name="Rectangle 19">
            <a:hlinkClick r:id="rId7"/>
            <a:extLst>
              <a:ext uri="{FF2B5EF4-FFF2-40B4-BE49-F238E27FC236}">
                <a16:creationId xmlns:a16="http://schemas.microsoft.com/office/drawing/2014/main" id="{5234E6DE-098D-E1D6-E183-3D547460308A}"/>
              </a:ext>
            </a:extLst>
          </p:cNvPr>
          <p:cNvSpPr/>
          <p:nvPr userDrawn="1"/>
        </p:nvSpPr>
        <p:spPr>
          <a:xfrm>
            <a:off x="11216908" y="5691221"/>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a:p>
        </p:txBody>
      </p:sp>
      <p:sp>
        <p:nvSpPr>
          <p:cNvPr id="21" name="Rectangle 20">
            <a:hlinkClick r:id="rId8"/>
            <a:extLst>
              <a:ext uri="{FF2B5EF4-FFF2-40B4-BE49-F238E27FC236}">
                <a16:creationId xmlns:a16="http://schemas.microsoft.com/office/drawing/2014/main" id="{064C860A-7A65-0A4E-278B-7E39C99F80EF}"/>
              </a:ext>
            </a:extLst>
          </p:cNvPr>
          <p:cNvSpPr/>
          <p:nvPr userDrawn="1"/>
        </p:nvSpPr>
        <p:spPr>
          <a:xfrm>
            <a:off x="10161756"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a:p>
        </p:txBody>
      </p:sp>
      <p:sp>
        <p:nvSpPr>
          <p:cNvPr id="22" name="Rectangle 21">
            <a:hlinkClick r:id="rId9"/>
            <a:extLst>
              <a:ext uri="{FF2B5EF4-FFF2-40B4-BE49-F238E27FC236}">
                <a16:creationId xmlns:a16="http://schemas.microsoft.com/office/drawing/2014/main" id="{3388ACF4-05A8-D8FC-9B77-4746B82C4BF3}"/>
              </a:ext>
            </a:extLst>
          </p:cNvPr>
          <p:cNvSpPr/>
          <p:nvPr userDrawn="1"/>
        </p:nvSpPr>
        <p:spPr>
          <a:xfrm>
            <a:off x="10699761" y="5691222"/>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a:p>
        </p:txBody>
      </p:sp>
      <p:sp>
        <p:nvSpPr>
          <p:cNvPr id="23" name="Rectangle 22">
            <a:hlinkClick r:id="rId10"/>
            <a:extLst>
              <a:ext uri="{FF2B5EF4-FFF2-40B4-BE49-F238E27FC236}">
                <a16:creationId xmlns:a16="http://schemas.microsoft.com/office/drawing/2014/main" id="{6BF15EA6-9788-39F6-C9DE-4BF2C86EE6FC}"/>
              </a:ext>
            </a:extLst>
          </p:cNvPr>
          <p:cNvSpPr/>
          <p:nvPr userDrawn="1"/>
        </p:nvSpPr>
        <p:spPr>
          <a:xfrm>
            <a:off x="9623751" y="5691220"/>
            <a:ext cx="356739" cy="365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baseline="0"/>
          </a:p>
        </p:txBody>
      </p:sp>
    </p:spTree>
    <p:extLst>
      <p:ext uri="{BB962C8B-B14F-4D97-AF65-F5344CB8AC3E}">
        <p14:creationId xmlns:p14="http://schemas.microsoft.com/office/powerpoint/2010/main" val="1488934852"/>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976" userDrawn="1">
          <p15:clr>
            <a:srgbClr val="FF96FF"/>
          </p15:clr>
        </p15:guide>
        <p15:guide id="4" orient="horz" pos="3344" userDrawn="1">
          <p15:clr>
            <a:srgbClr val="FF96FF"/>
          </p15:clr>
        </p15:guide>
        <p15:guide id="5" orient="horz" pos="3976" userDrawn="1">
          <p15:clr>
            <a:srgbClr val="8F8F8F"/>
          </p15:clr>
        </p15:guide>
        <p15:guide id="6" orient="horz" pos="4208" userDrawn="1">
          <p15:clr>
            <a:srgbClr val="8F8F8F"/>
          </p15:clr>
        </p15:guide>
        <p15:guide id="7" pos="290" userDrawn="1">
          <p15:clr>
            <a:srgbClr val="FF96FF"/>
          </p15:clr>
        </p15:guide>
        <p15:guide id="8" pos="7389"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type="obj">
  <p:cSld name="1_Two Content">
    <p:bg>
      <p:bgPr>
        <a:solidFill>
          <a:schemeClr val="bg1"/>
        </a:solidFill>
        <a:effectLst/>
      </p:bgPr>
    </p:bg>
    <p:spTree>
      <p:nvGrpSpPr>
        <p:cNvPr id="1" name=""/>
        <p:cNvGrpSpPr/>
        <p:nvPr/>
      </p:nvGrpSpPr>
      <p:grpSpPr>
        <a:xfrm>
          <a:off x="0" y="0"/>
          <a:ext cx="0" cy="0"/>
          <a:chOff x="0" y="0"/>
          <a:chExt cx="0" cy="0"/>
        </a:xfrm>
      </p:grpSpPr>
      <p:sp>
        <p:nvSpPr>
          <p:cNvPr id="2" name="Holder 2"/>
          <p:cNvSpPr>
            <a:spLocks noGrp="1"/>
          </p:cNvSpPr>
          <p:nvPr>
            <p:ph type="title"/>
          </p:nvPr>
        </p:nvSpPr>
        <p:spPr/>
        <p:txBody>
          <a:bodyPr lIns="0" tIns="0" rIns="0" bIns="0"/>
          <a:lstStyle>
            <a:lvl1pPr>
              <a:defRPr sz="3400" b="0" i="0">
                <a:solidFill>
                  <a:srgbClr val="181B0E"/>
                </a:solidFill>
                <a:latin typeface="Franklin Gothic Medium"/>
                <a:cs typeface="Franklin Gothic Medium"/>
              </a:defRPr>
            </a:lvl1pPr>
          </a:lstStyle>
          <a:p>
            <a:endParaRPr/>
          </a:p>
        </p:txBody>
      </p:sp>
      <p:sp>
        <p:nvSpPr>
          <p:cNvPr id="3" name="Holder 3"/>
          <p:cNvSpPr>
            <a:spLocks noGrp="1"/>
          </p:cNvSpPr>
          <p:nvPr>
            <p:ph sz="half" idx="2"/>
          </p:nvPr>
        </p:nvSpPr>
        <p:spPr>
          <a:xfrm>
            <a:off x="609600" y="1577340"/>
            <a:ext cx="5303520" cy="4526280"/>
          </a:xfrm>
          <a:prstGeom prst="rect">
            <a:avLst/>
          </a:prstGeom>
        </p:spPr>
        <p:txBody>
          <a:bodyPr wrap="square" lIns="0" tIns="0" rIns="0" bIns="0">
            <a:spAutoFit/>
          </a:bodyPr>
          <a:lstStyle>
            <a:lvl1pPr>
              <a:defRPr/>
            </a:lvl1pPr>
          </a:lstStyle>
          <a:p>
            <a:endParaRPr/>
          </a:p>
        </p:txBody>
      </p:sp>
      <p:sp>
        <p:nvSpPr>
          <p:cNvPr id="4" name="Holder 4"/>
          <p:cNvSpPr>
            <a:spLocks noGrp="1"/>
          </p:cNvSpPr>
          <p:nvPr>
            <p:ph sz="half" idx="3"/>
          </p:nvPr>
        </p:nvSpPr>
        <p:spPr>
          <a:xfrm>
            <a:off x="6278880" y="1577340"/>
            <a:ext cx="5303520" cy="4526280"/>
          </a:xfrm>
          <a:prstGeom prst="rect">
            <a:avLst/>
          </a:prstGeom>
        </p:spPr>
        <p:txBody>
          <a:bodyPr wrap="square" lIns="0" tIns="0" rIns="0" bIns="0">
            <a:spAutoFit/>
          </a:bodyPr>
          <a:lstStyle>
            <a:lvl1pPr>
              <a:defRPr/>
            </a:lvl1pPr>
          </a:lstStyle>
          <a:p>
            <a:endParaRPr/>
          </a:p>
        </p:txBody>
      </p:sp>
      <p:sp>
        <p:nvSpPr>
          <p:cNvPr id="5" name="Holder 5"/>
          <p:cNvSpPr>
            <a:spLocks noGrp="1"/>
          </p:cNvSpPr>
          <p:nvPr>
            <p:ph type="ftr" sz="quarter" idx="5"/>
          </p:nvPr>
        </p:nvSpPr>
        <p:spPr/>
        <p:txBody>
          <a:bodyPr lIns="0" tIns="0" rIns="0" bIns="0"/>
          <a:lstStyle>
            <a:lvl1pPr algn="ctr">
              <a:defRPr>
                <a:solidFill>
                  <a:schemeClr val="tx1">
                    <a:tint val="75000"/>
                  </a:schemeClr>
                </a:solidFill>
              </a:defRPr>
            </a:lvl1pPr>
          </a:lstStyle>
          <a:p>
            <a:endParaRPr/>
          </a:p>
        </p:txBody>
      </p:sp>
      <p:sp>
        <p:nvSpPr>
          <p:cNvPr id="6" name="Holder 6"/>
          <p:cNvSpPr>
            <a:spLocks noGrp="1"/>
          </p:cNvSpPr>
          <p:nvPr>
            <p:ph type="dt" sz="half" idx="6"/>
          </p:nvPr>
        </p:nvSpPr>
        <p:spPr/>
        <p:txBody>
          <a:bodyPr lIns="0" tIns="0" rIns="0" bIns="0"/>
          <a:lstStyle>
            <a:lvl1pPr algn="l">
              <a:defRPr>
                <a:solidFill>
                  <a:schemeClr val="tx1">
                    <a:tint val="75000"/>
                  </a:schemeClr>
                </a:solidFill>
              </a:defRPr>
            </a:lvl1pPr>
          </a:lstStyle>
          <a:p>
            <a:fld id="{1D8BD707-D9CF-40AE-B4C6-C98DA3205C09}" type="datetimeFigureOut">
              <a:rPr lang="en-US"/>
              <a:t>11/12/2024</a:t>
            </a:fld>
            <a:endParaRPr lang="en-US"/>
          </a:p>
        </p:txBody>
      </p:sp>
      <p:sp>
        <p:nvSpPr>
          <p:cNvPr id="7" name="Holder 7"/>
          <p:cNvSpPr>
            <a:spLocks noGrp="1"/>
          </p:cNvSpPr>
          <p:nvPr>
            <p:ph type="sldNum" sz="quarter" idx="7"/>
          </p:nvPr>
        </p:nvSpPr>
        <p:spPr/>
        <p:txBody>
          <a:bodyPr lIns="0" tIns="0" rIns="0" bIns="0"/>
          <a:lstStyle>
            <a:lvl1pPr algn="r">
              <a:defRPr>
                <a:solidFill>
                  <a:schemeClr val="tx1">
                    <a:tint val="75000"/>
                  </a:schemeClr>
                </a:solidFill>
              </a:defRPr>
            </a:lvl1pPr>
          </a:lstStyle>
          <a:p>
            <a:fld id="{B6F15528-21DE-4FAA-801E-634DDDAF4B2B}" type="slidenum">
              <a:t>‹#›</a:t>
            </a:fld>
            <a:endParaRPr/>
          </a:p>
        </p:txBody>
      </p:sp>
    </p:spTree>
    <p:extLst>
      <p:ext uri="{BB962C8B-B14F-4D97-AF65-F5344CB8AC3E}">
        <p14:creationId xmlns:p14="http://schemas.microsoft.com/office/powerpoint/2010/main" val="34612026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_White">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2DF84161-4046-39C2-5268-7DC194063003}"/>
              </a:ext>
            </a:extLst>
          </p:cNvPr>
          <p:cNvPicPr>
            <a:picLocks noChangeAspect="1"/>
          </p:cNvPicPr>
          <p:nvPr userDrawn="1"/>
        </p:nvPicPr>
        <p:blipFill rotWithShape="1">
          <a:blip r:embed="rId3">
            <a:extLst>
              <a:ext uri="{96DAC541-7B7A-43D3-8B79-37D633B846F1}">
                <asvg:svgBlip xmlns:asvg="http://schemas.microsoft.com/office/drawing/2016/SVG/main" r:embed="rId4"/>
              </a:ext>
            </a:extLst>
          </a:blip>
          <a:srcRect r="20428"/>
          <a:stretch/>
        </p:blipFill>
        <p:spPr>
          <a:xfrm>
            <a:off x="6211542" y="0"/>
            <a:ext cx="5993710" cy="6858000"/>
          </a:xfrm>
          <a:prstGeom prst="rect">
            <a:avLst/>
          </a:prstGeom>
        </p:spPr>
      </p:pic>
      <p:sp>
        <p:nvSpPr>
          <p:cNvPr id="2" name="Title 1">
            <a:extLst>
              <a:ext uri="{FF2B5EF4-FFF2-40B4-BE49-F238E27FC236}">
                <a16:creationId xmlns:a16="http://schemas.microsoft.com/office/drawing/2014/main" id="{1D2D396A-2A5C-0123-9248-C9763FE2BEDB}"/>
              </a:ext>
            </a:extLst>
          </p:cNvPr>
          <p:cNvSpPr>
            <a:spLocks noGrp="1"/>
          </p:cNvSpPr>
          <p:nvPr>
            <p:ph type="ctrTitle" hasCustomPrompt="1"/>
          </p:nvPr>
        </p:nvSpPr>
        <p:spPr>
          <a:xfrm>
            <a:off x="689250" y="2741578"/>
            <a:ext cx="7643220" cy="1620000"/>
          </a:xfrm>
        </p:spPr>
        <p:txBody>
          <a:bodyPr anchor="t">
            <a:normAutofit/>
          </a:bodyPr>
          <a:lstStyle>
            <a:lvl1pPr algn="l">
              <a:defRPr sz="4000">
                <a:solidFill>
                  <a:schemeClr val="bg2"/>
                </a:solidFill>
              </a:defRPr>
            </a:lvl1pPr>
          </a:lstStyle>
          <a:p>
            <a:r>
              <a:rPr lang="en-US"/>
              <a:t>Click to add title</a:t>
            </a:r>
            <a:endParaRPr lang="en-GB"/>
          </a:p>
        </p:txBody>
      </p:sp>
      <p:sp>
        <p:nvSpPr>
          <p:cNvPr id="4" name="Date Placeholder 3">
            <a:extLst>
              <a:ext uri="{FF2B5EF4-FFF2-40B4-BE49-F238E27FC236}">
                <a16:creationId xmlns:a16="http://schemas.microsoft.com/office/drawing/2014/main" id="{C372472D-2585-AB79-C518-1E480DCCA01A}"/>
              </a:ext>
            </a:extLst>
          </p:cNvPr>
          <p:cNvSpPr>
            <a:spLocks noGrp="1"/>
          </p:cNvSpPr>
          <p:nvPr>
            <p:ph type="dt" sz="half" idx="10"/>
          </p:nvPr>
        </p:nvSpPr>
        <p:spPr>
          <a:xfrm>
            <a:off x="9464041" y="6024875"/>
            <a:ext cx="1354132" cy="365125"/>
          </a:xfrm>
          <a:prstGeom prst="rect">
            <a:avLst/>
          </a:prstGeom>
        </p:spPr>
        <p:txBody>
          <a:bodyPr lIns="0" tIns="0" rIns="0" bIns="0" anchor="ctr"/>
          <a:lstStyle>
            <a:lvl1pPr algn="r">
              <a:defRPr sz="1400" b="1">
                <a:solidFill>
                  <a:srgbClr val="EBE4F3"/>
                </a:solidFill>
              </a:defRPr>
            </a:lvl1pPr>
          </a:lstStyle>
          <a:p>
            <a:endParaRPr lang="en-GB"/>
          </a:p>
        </p:txBody>
      </p:sp>
      <p:sp>
        <p:nvSpPr>
          <p:cNvPr id="5" name="Footer Placeholder 4">
            <a:extLst>
              <a:ext uri="{FF2B5EF4-FFF2-40B4-BE49-F238E27FC236}">
                <a16:creationId xmlns:a16="http://schemas.microsoft.com/office/drawing/2014/main" id="{28C17DE3-87FB-51E5-812A-DBC4EFC21F0F}"/>
              </a:ext>
            </a:extLst>
          </p:cNvPr>
          <p:cNvSpPr>
            <a:spLocks noGrp="1"/>
          </p:cNvSpPr>
          <p:nvPr>
            <p:ph type="ftr" sz="quarter" idx="11"/>
          </p:nvPr>
        </p:nvSpPr>
        <p:spPr>
          <a:xfrm>
            <a:off x="689249" y="6024875"/>
            <a:ext cx="2730225" cy="365125"/>
          </a:xfrm>
          <a:prstGeom prst="rect">
            <a:avLst/>
          </a:prstGeom>
        </p:spPr>
        <p:txBody>
          <a:bodyPr/>
          <a:lstStyle>
            <a:lvl1pPr>
              <a:defRPr b="1">
                <a:solidFill>
                  <a:srgbClr val="EBE4F3"/>
                </a:solidFill>
                <a:latin typeface="+mj-lt"/>
              </a:defRPr>
            </a:lvl1pPr>
          </a:lstStyle>
          <a:p>
            <a:r>
              <a:rPr lang="en-GB"/>
              <a:t>Transforming Lives.</a:t>
            </a:r>
          </a:p>
        </p:txBody>
      </p:sp>
      <p:pic>
        <p:nvPicPr>
          <p:cNvPr id="8" name="Graphic 7">
            <a:extLst>
              <a:ext uri="{FF2B5EF4-FFF2-40B4-BE49-F238E27FC236}">
                <a16:creationId xmlns:a16="http://schemas.microsoft.com/office/drawing/2014/main" id="{5C6F0E20-3E12-3199-78C0-538CC9623B0E}"/>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689250" y="1081860"/>
            <a:ext cx="3420000" cy="433879"/>
          </a:xfrm>
          <a:prstGeom prst="rect">
            <a:avLst/>
          </a:prstGeom>
        </p:spPr>
      </p:pic>
      <p:sp>
        <p:nvSpPr>
          <p:cNvPr id="15" name="Guides">
            <a:extLst>
              <a:ext uri="{FF2B5EF4-FFF2-40B4-BE49-F238E27FC236}">
                <a16:creationId xmlns:a16="http://schemas.microsoft.com/office/drawing/2014/main" id="{38CD2E5B-C491-35EE-9A54-E7B271FFCB89}"/>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24764831"/>
      </p:ext>
    </p:extLst>
  </p:cSld>
  <p:clrMapOvr>
    <a:masterClrMapping/>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F47D5D68-A44E-8174-4782-C4B9EC2163E0}"/>
              </a:ext>
            </a:extLst>
          </p:cNvPr>
          <p:cNvSpPr>
            <a:spLocks noGrp="1"/>
          </p:cNvSpPr>
          <p:nvPr>
            <p:ph idx="1" hasCustomPrompt="1"/>
          </p:nvPr>
        </p:nvSpPr>
        <p:spPr>
          <a:xfrm>
            <a:off x="431999" y="1061999"/>
            <a:ext cx="11328002" cy="5040000"/>
          </a:xfrm>
        </p:spPr>
        <p:txBody>
          <a:bodyPr/>
          <a:lstStyle>
            <a:lvl1pPr>
              <a:defRPr/>
            </a:lvl1pPr>
            <a:lvl5pPr>
              <a:defRPr/>
            </a:lvl5pPr>
          </a:lstStyle>
          <a:p>
            <a:pPr lvl="0"/>
            <a:r>
              <a:rPr lang="en-US"/>
              <a:t>First level</a:t>
            </a:r>
          </a:p>
          <a:p>
            <a:pPr lvl="1"/>
            <a:r>
              <a:rPr lang="en-US"/>
              <a:t>Second level</a:t>
            </a:r>
          </a:p>
          <a:p>
            <a:pPr lvl="2"/>
            <a:r>
              <a:rPr lang="en-US"/>
              <a:t>Third level</a:t>
            </a:r>
          </a:p>
          <a:p>
            <a:pPr lvl="3"/>
            <a:r>
              <a:rPr lang="en-US"/>
              <a:t>Fourth level</a:t>
            </a:r>
          </a:p>
          <a:p>
            <a:pPr lvl="4"/>
            <a:r>
              <a:rPr lang="en-US"/>
              <a:t>Fifth level</a:t>
            </a:r>
          </a:p>
          <a:p>
            <a:pPr lvl="5"/>
            <a:r>
              <a:rPr lang="en-US"/>
              <a:t>Sixth level</a:t>
            </a:r>
            <a:endParaRPr lang="en-GB"/>
          </a:p>
        </p:txBody>
      </p:sp>
      <p:sp>
        <p:nvSpPr>
          <p:cNvPr id="4" name="Slide Number Placeholder 3">
            <a:extLst>
              <a:ext uri="{FF2B5EF4-FFF2-40B4-BE49-F238E27FC236}">
                <a16:creationId xmlns:a16="http://schemas.microsoft.com/office/drawing/2014/main" id="{33D492B1-A666-9AC6-720B-9210644B94D8}"/>
              </a:ext>
            </a:extLst>
          </p:cNvPr>
          <p:cNvSpPr>
            <a:spLocks noGrp="1"/>
          </p:cNvSpPr>
          <p:nvPr>
            <p:ph type="sldNum" sz="quarter" idx="11"/>
          </p:nvPr>
        </p:nvSpPr>
        <p:spPr>
          <a:xfrm>
            <a:off x="10584180" y="6312875"/>
            <a:ext cx="1175819" cy="365125"/>
          </a:xfrm>
        </p:spPr>
        <p:txBody>
          <a:bodyPr/>
          <a:lstStyle/>
          <a:p>
            <a:fld id="{C855AFFB-64D9-4FA4-905E-E079B4C44CCB}" type="slidenum">
              <a:rPr lang="en-GB" sz="1800" smtClean="0"/>
              <a:pPr/>
              <a:t>‹#›</a:t>
            </a:fld>
            <a:r>
              <a:rPr lang="en-GB">
                <a:latin typeface="Avenir Next LT Pro" panose="020B0504020202020204" pitchFamily="34" charset="0"/>
              </a:rPr>
              <a:t>.</a:t>
            </a:r>
          </a:p>
        </p:txBody>
      </p:sp>
      <p:sp>
        <p:nvSpPr>
          <p:cNvPr id="14" name="Guides" hidden="1">
            <a:extLst>
              <a:ext uri="{FF2B5EF4-FFF2-40B4-BE49-F238E27FC236}">
                <a16:creationId xmlns:a16="http://schemas.microsoft.com/office/drawing/2014/main" id="{7302A606-B61B-4723-5B3C-654D14D42D43}"/>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CDC572F2-0C2C-B686-76B0-911FC4EDED1B}"/>
              </a:ext>
            </a:extLst>
          </p:cNvPr>
          <p:cNvSpPr>
            <a:spLocks noGrp="1"/>
          </p:cNvSpPr>
          <p:nvPr>
            <p:ph type="title"/>
          </p:nvPr>
        </p:nvSpPr>
        <p:spPr/>
        <p:txBody>
          <a:bodyPr/>
          <a:lstStyle/>
          <a:p>
            <a:r>
              <a:rPr lang="en-US"/>
              <a:t>Click to edit Master title style</a:t>
            </a:r>
            <a:endParaRPr lang="en-GB"/>
          </a:p>
        </p:txBody>
      </p:sp>
      <p:pic>
        <p:nvPicPr>
          <p:cNvPr id="6" name="Graphic 5">
            <a:extLst>
              <a:ext uri="{FF2B5EF4-FFF2-40B4-BE49-F238E27FC236}">
                <a16:creationId xmlns:a16="http://schemas.microsoft.com/office/drawing/2014/main" id="{BC58C626-972D-F2F6-43DC-10D162CB488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315654" y="297688"/>
            <a:ext cx="444345" cy="432001"/>
          </a:xfrm>
          <a:prstGeom prst="rect">
            <a:avLst/>
          </a:prstGeom>
        </p:spPr>
      </p:pic>
    </p:spTree>
    <p:extLst>
      <p:ext uri="{BB962C8B-B14F-4D97-AF65-F5344CB8AC3E}">
        <p14:creationId xmlns:p14="http://schemas.microsoft.com/office/powerpoint/2010/main" val="1881884729"/>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Divider_Purple">
    <p:bg>
      <p:bgPr>
        <a:solidFill>
          <a:schemeClr val="bg2"/>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00D97E52-E01E-DD72-C5C6-AC493A218C68}"/>
              </a:ext>
            </a:extLst>
          </p:cNvPr>
          <p:cNvPicPr>
            <a:picLocks noGrp="1" noRot="1" noChangeAspect="1" noMove="1" noResize="1" noEditPoints="1" noAdjustHandles="1" noChangeArrowheads="1" noChangeShapeType="1" noCrop="1"/>
          </p:cNvPicPr>
          <p:nvPr userDrawn="1"/>
        </p:nvPicPr>
        <p:blipFill>
          <a:blip r:embed="rId3">
            <a:extLst>
              <a:ext uri="{96DAC541-7B7A-43D3-8B79-37D633B846F1}">
                <asvg:svgBlip xmlns:asvg="http://schemas.microsoft.com/office/drawing/2016/SVG/main" r:embed="rId4"/>
              </a:ext>
            </a:extLst>
          </a:blip>
          <a:stretch>
            <a:fillRect/>
          </a:stretch>
        </p:blipFill>
        <p:spPr>
          <a:xfrm>
            <a:off x="2597150" y="0"/>
            <a:ext cx="6997700" cy="6858000"/>
          </a:xfrm>
          <a:prstGeom prst="rect">
            <a:avLst/>
          </a:prstGeom>
        </p:spPr>
      </p:pic>
      <p:sp>
        <p:nvSpPr>
          <p:cNvPr id="2" name="Title 1">
            <a:extLst>
              <a:ext uri="{FF2B5EF4-FFF2-40B4-BE49-F238E27FC236}">
                <a16:creationId xmlns:a16="http://schemas.microsoft.com/office/drawing/2014/main" id="{EE49B112-9556-1925-3202-724BFB1F108C}"/>
              </a:ext>
            </a:extLst>
          </p:cNvPr>
          <p:cNvSpPr>
            <a:spLocks noGrp="1"/>
          </p:cNvSpPr>
          <p:nvPr>
            <p:ph type="title" hasCustomPrompt="1"/>
          </p:nvPr>
        </p:nvSpPr>
        <p:spPr>
          <a:xfrm>
            <a:off x="431999" y="879119"/>
            <a:ext cx="11328002" cy="5040000"/>
          </a:xfrm>
        </p:spPr>
        <p:txBody>
          <a:bodyPr anchor="ctr"/>
          <a:lstStyle>
            <a:lvl1pPr algn="ctr">
              <a:defRPr sz="6000">
                <a:solidFill>
                  <a:schemeClr val="bg1"/>
                </a:solidFill>
              </a:defRPr>
            </a:lvl1pPr>
          </a:lstStyle>
          <a:p>
            <a:r>
              <a:rPr lang="en-US"/>
              <a:t>Click to add</a:t>
            </a:r>
            <a:br>
              <a:rPr lang="en-US"/>
            </a:br>
            <a:r>
              <a:rPr lang="en-US"/>
              <a:t>divider text</a:t>
            </a:r>
            <a:endParaRPr lang="en-GB"/>
          </a:p>
        </p:txBody>
      </p:sp>
      <p:sp>
        <p:nvSpPr>
          <p:cNvPr id="12" name="Guides" hidden="1">
            <a:extLst>
              <a:ext uri="{FF2B5EF4-FFF2-40B4-BE49-F238E27FC236}">
                <a16:creationId xmlns:a16="http://schemas.microsoft.com/office/drawing/2014/main" id="{7E41A67C-F6B1-8CAD-57F7-9BB4A43DAAA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069565036"/>
      </p:ext>
    </p:extLst>
  </p:cSld>
  <p:clrMapOvr>
    <a:masterClrMapping/>
  </p:clrMapOvr>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_Whit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00D97E52-E01E-DD72-C5C6-AC493A218C68}"/>
              </a:ext>
            </a:extLst>
          </p:cNvPr>
          <p:cNvPicPr>
            <a:picLocks noGrp="1" noRot="1" noChangeAspect="1" noMove="1" noResize="1" noEditPoints="1" noAdjustHandles="1" noChangeArrowheads="1" noChangeShapeType="1" noCrop="1"/>
          </p:cNvPicPr>
          <p:nvPr userDrawn="1"/>
        </p:nvPicPr>
        <p:blipFill>
          <a:blip r:embed="rId3">
            <a:extLst>
              <a:ext uri="{96DAC541-7B7A-43D3-8B79-37D633B846F1}">
                <asvg:svgBlip xmlns:asvg="http://schemas.microsoft.com/office/drawing/2016/SVG/main" r:embed="rId4"/>
              </a:ext>
            </a:extLst>
          </a:blip>
          <a:stretch>
            <a:fillRect/>
          </a:stretch>
        </p:blipFill>
        <p:spPr>
          <a:xfrm>
            <a:off x="2597150" y="0"/>
            <a:ext cx="6997700" cy="6858000"/>
          </a:xfrm>
          <a:prstGeom prst="rect">
            <a:avLst/>
          </a:prstGeom>
        </p:spPr>
      </p:pic>
      <p:sp>
        <p:nvSpPr>
          <p:cNvPr id="2" name="Title 1">
            <a:extLst>
              <a:ext uri="{FF2B5EF4-FFF2-40B4-BE49-F238E27FC236}">
                <a16:creationId xmlns:a16="http://schemas.microsoft.com/office/drawing/2014/main" id="{EE49B112-9556-1925-3202-724BFB1F108C}"/>
              </a:ext>
            </a:extLst>
          </p:cNvPr>
          <p:cNvSpPr>
            <a:spLocks noGrp="1"/>
          </p:cNvSpPr>
          <p:nvPr>
            <p:ph type="title" hasCustomPrompt="1"/>
          </p:nvPr>
        </p:nvSpPr>
        <p:spPr>
          <a:xfrm>
            <a:off x="431998" y="867689"/>
            <a:ext cx="11328002" cy="5040000"/>
          </a:xfrm>
        </p:spPr>
        <p:txBody>
          <a:bodyPr anchor="ctr"/>
          <a:lstStyle>
            <a:lvl1pPr algn="ctr">
              <a:defRPr sz="6000">
                <a:solidFill>
                  <a:schemeClr val="bg2"/>
                </a:solidFill>
              </a:defRPr>
            </a:lvl1pPr>
          </a:lstStyle>
          <a:p>
            <a:r>
              <a:rPr lang="en-GB"/>
              <a:t>Click to add</a:t>
            </a:r>
            <a:br>
              <a:rPr lang="en-GB"/>
            </a:br>
            <a:r>
              <a:rPr lang="en-GB"/>
              <a:t>divider text</a:t>
            </a:r>
          </a:p>
        </p:txBody>
      </p:sp>
      <p:sp>
        <p:nvSpPr>
          <p:cNvPr id="12" name="Guides" hidden="1">
            <a:extLst>
              <a:ext uri="{FF2B5EF4-FFF2-40B4-BE49-F238E27FC236}">
                <a16:creationId xmlns:a16="http://schemas.microsoft.com/office/drawing/2014/main" id="{AEA81EC6-F6AC-98CC-9FEE-F44660B838C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157176061"/>
      </p:ext>
    </p:extLst>
  </p:cSld>
  <p:clrMapOvr>
    <a:masterClrMapping/>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0626" y="1060450"/>
            <a:ext cx="5324062" cy="504000"/>
          </a:xfrm>
        </p:spPr>
        <p:txBody>
          <a:bodyPr anchor="ctr">
            <a:normAutofit/>
          </a:bodyPr>
          <a:lstStyle>
            <a:lvl1pPr marL="0" indent="0">
              <a:buNone/>
              <a:defRPr sz="24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0626" y="1581563"/>
            <a:ext cx="5324062" cy="4519200"/>
          </a:xfrm>
        </p:spPr>
        <p:txBody>
          <a:bodyPr/>
          <a:lstStyle>
            <a:lvl1pPr>
              <a:defRPr/>
            </a:lvl1pPr>
          </a:lstStyle>
          <a:p>
            <a:pPr lvl="0"/>
            <a:r>
              <a:rPr lang="en-US"/>
              <a:t>First level</a:t>
            </a:r>
          </a:p>
          <a:p>
            <a:pPr lvl="1"/>
            <a:r>
              <a:rPr lang="en-US"/>
              <a:t>Second level</a:t>
            </a:r>
          </a:p>
          <a:p>
            <a:pPr lvl="2"/>
            <a:r>
              <a:rPr lang="en-US"/>
              <a:t>Third level</a:t>
            </a:r>
          </a:p>
          <a:p>
            <a:pPr lvl="3"/>
            <a:r>
              <a:rPr lang="en-US"/>
              <a:t>Fourth level</a:t>
            </a:r>
          </a:p>
          <a:p>
            <a:pPr lvl="4"/>
            <a:r>
              <a:rPr lang="en-US"/>
              <a:t>Fifth level</a:t>
            </a:r>
            <a:endParaRPr lang="en-GB"/>
          </a:p>
        </p:txBody>
      </p:sp>
      <p:sp>
        <p:nvSpPr>
          <p:cNvPr id="5" name="Text Placeholder 4">
            <a:extLst>
              <a:ext uri="{FF2B5EF4-FFF2-40B4-BE49-F238E27FC236}">
                <a16:creationId xmlns:a16="http://schemas.microsoft.com/office/drawing/2014/main" id="{A3EEE4A6-0FDD-9212-913D-B2FEF0606225}"/>
              </a:ext>
            </a:extLst>
          </p:cNvPr>
          <p:cNvSpPr>
            <a:spLocks noGrp="1"/>
          </p:cNvSpPr>
          <p:nvPr>
            <p:ph type="body" sz="quarter" idx="3" hasCustomPrompt="1"/>
          </p:nvPr>
        </p:nvSpPr>
        <p:spPr>
          <a:xfrm>
            <a:off x="6437312" y="1060450"/>
            <a:ext cx="5320613" cy="504000"/>
          </a:xfrm>
        </p:spPr>
        <p:txBody>
          <a:bodyPr anchor="ctr">
            <a:normAutofit/>
          </a:bodyPr>
          <a:lstStyle>
            <a:lvl1pPr marL="0" indent="0">
              <a:buNone/>
              <a:defRPr sz="24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add subtitle</a:t>
            </a:r>
          </a:p>
        </p:txBody>
      </p:sp>
      <p:sp>
        <p:nvSpPr>
          <p:cNvPr id="6" name="Content Placeholder 5">
            <a:extLst>
              <a:ext uri="{FF2B5EF4-FFF2-40B4-BE49-F238E27FC236}">
                <a16:creationId xmlns:a16="http://schemas.microsoft.com/office/drawing/2014/main" id="{C6445E0B-CCBA-A542-405F-7F1E8D462735}"/>
              </a:ext>
            </a:extLst>
          </p:cNvPr>
          <p:cNvSpPr>
            <a:spLocks noGrp="1"/>
          </p:cNvSpPr>
          <p:nvPr>
            <p:ph sz="quarter" idx="4" hasCustomPrompt="1"/>
          </p:nvPr>
        </p:nvSpPr>
        <p:spPr>
          <a:xfrm>
            <a:off x="6438001" y="1581563"/>
            <a:ext cx="5320612" cy="4519201"/>
          </a:xfrm>
        </p:spPr>
        <p:txBody>
          <a:bodyPr/>
          <a:lstStyle>
            <a:lvl1pPr>
              <a:defRPr/>
            </a:lvl1pPr>
          </a:lstStyle>
          <a:p>
            <a:pPr lvl="0"/>
            <a:r>
              <a:rPr lang="en-US"/>
              <a:t>First level</a:t>
            </a:r>
          </a:p>
          <a:p>
            <a:pPr lvl="1"/>
            <a:r>
              <a:rPr lang="en-US"/>
              <a:t>Second level</a:t>
            </a:r>
          </a:p>
          <a:p>
            <a:pPr lvl="2"/>
            <a:r>
              <a:rPr lang="en-US"/>
              <a:t>Third level</a:t>
            </a:r>
          </a:p>
          <a:p>
            <a:pPr lvl="3"/>
            <a:r>
              <a:rPr lang="en-US"/>
              <a:t>Fourth level</a:t>
            </a:r>
          </a:p>
          <a:p>
            <a:pPr lvl="4"/>
            <a:r>
              <a:rPr lang="en-US"/>
              <a:t>Fifth level</a:t>
            </a:r>
            <a:endParaRPr lang="en-GB"/>
          </a:p>
        </p:txBody>
      </p:sp>
      <p:sp>
        <p:nvSpPr>
          <p:cNvPr id="7" name="Slide Number Placeholder 6">
            <a:extLst>
              <a:ext uri="{FF2B5EF4-FFF2-40B4-BE49-F238E27FC236}">
                <a16:creationId xmlns:a16="http://schemas.microsoft.com/office/drawing/2014/main" id="{CAB0EA9F-C9B1-282B-8941-23AEF86A9C4E}"/>
              </a:ext>
            </a:extLst>
          </p:cNvPr>
          <p:cNvSpPr>
            <a:spLocks noGrp="1"/>
          </p:cNvSpPr>
          <p:nvPr>
            <p:ph type="sldNum" sz="quarter" idx="11"/>
          </p:nvPr>
        </p:nvSpPr>
        <p:spPr/>
        <p:txBody>
          <a:bodyPr/>
          <a:lstStyle/>
          <a:p>
            <a:fld id="{C855AFFB-64D9-4FA4-905E-E079B4C44CCB}" type="slidenum">
              <a:rPr lang="en-GB" sz="1800" smtClean="0"/>
              <a:pPr/>
              <a:t>‹#›</a:t>
            </a:fld>
            <a:r>
              <a:rPr lang="en-GB">
                <a:latin typeface="Avenir Next LT Pro" panose="020B0504020202020204" pitchFamily="34" charset="0"/>
              </a:rPr>
              <a:t>.</a:t>
            </a:r>
          </a:p>
        </p:txBody>
      </p:sp>
      <p:sp>
        <p:nvSpPr>
          <p:cNvPr id="17" name="Guides" hidden="1">
            <a:extLst>
              <a:ext uri="{FF2B5EF4-FFF2-40B4-BE49-F238E27FC236}">
                <a16:creationId xmlns:a16="http://schemas.microsoft.com/office/drawing/2014/main" id="{DFD2DCE7-3220-9DB7-AFE2-266E2C958152}"/>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Title 7">
            <a:extLst>
              <a:ext uri="{FF2B5EF4-FFF2-40B4-BE49-F238E27FC236}">
                <a16:creationId xmlns:a16="http://schemas.microsoft.com/office/drawing/2014/main" id="{371224C3-E6E9-59C1-82D9-DEBAF5807F61}"/>
              </a:ext>
            </a:extLst>
          </p:cNvPr>
          <p:cNvSpPr>
            <a:spLocks noGrp="1"/>
          </p:cNvSpPr>
          <p:nvPr>
            <p:ph type="title"/>
          </p:nvPr>
        </p:nvSpPr>
        <p:spPr/>
        <p:txBody>
          <a:bodyPr/>
          <a:lstStyle/>
          <a:p>
            <a:r>
              <a:rPr lang="en-US"/>
              <a:t>Click to edit Master title style</a:t>
            </a:r>
            <a:endParaRPr lang="en-GB"/>
          </a:p>
        </p:txBody>
      </p:sp>
      <p:pic>
        <p:nvPicPr>
          <p:cNvPr id="2" name="Graphic 1">
            <a:extLst>
              <a:ext uri="{FF2B5EF4-FFF2-40B4-BE49-F238E27FC236}">
                <a16:creationId xmlns:a16="http://schemas.microsoft.com/office/drawing/2014/main" id="{0CB328E8-51DD-8AF2-8A64-C18B20AAF73D}"/>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315654" y="297688"/>
            <a:ext cx="444345" cy="432001"/>
          </a:xfrm>
          <a:prstGeom prst="rect">
            <a:avLst/>
          </a:prstGeom>
        </p:spPr>
      </p:pic>
    </p:spTree>
    <p:extLst>
      <p:ext uri="{BB962C8B-B14F-4D97-AF65-F5344CB8AC3E}">
        <p14:creationId xmlns:p14="http://schemas.microsoft.com/office/powerpoint/2010/main" val="315412366"/>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3636" userDrawn="1">
          <p15:clr>
            <a:srgbClr val="FF96FF"/>
          </p15:clr>
        </p15:guide>
        <p15:guide id="9" pos="4044" userDrawn="1">
          <p15:clr>
            <a:srgbClr val="FF96FF"/>
          </p15:clr>
        </p15:guide>
        <p15:guide id="10" pos="7407"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Comparison_Image right">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CA94C63D-77ED-8E83-3CF7-CF53A3ED66DC}"/>
              </a:ext>
            </a:extLst>
          </p:cNvPr>
          <p:cNvSpPr>
            <a:spLocks noGrp="1"/>
          </p:cNvSpPr>
          <p:nvPr>
            <p:ph type="pic" sz="quarter" idx="13" hasCustomPrompt="1"/>
          </p:nvPr>
        </p:nvSpPr>
        <p:spPr>
          <a:xfrm>
            <a:off x="6096000" y="0"/>
            <a:ext cx="6096000" cy="6858000"/>
          </a:xfrm>
          <a:solidFill>
            <a:srgbClr val="F4F4F4"/>
          </a:solidFill>
        </p:spPr>
        <p:txBody>
          <a:bodyPr/>
          <a:lstStyle>
            <a:lvl1pPr>
              <a:defRPr/>
            </a:lvl1pPr>
          </a:lstStyle>
          <a:p>
            <a:r>
              <a:rPr lang="en-US"/>
              <a:t>Select and choose image from Templafy</a:t>
            </a:r>
            <a:endParaRPr lang="en-GB"/>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0625" y="1060450"/>
            <a:ext cx="5322687" cy="504000"/>
          </a:xfrm>
        </p:spPr>
        <p:txBody>
          <a:bodyPr anchor="ctr">
            <a:normAutofit/>
          </a:bodyPr>
          <a:lstStyle>
            <a:lvl1pPr marL="0" indent="0">
              <a:buNone/>
              <a:defRPr sz="2400" b="1">
                <a:solidFill>
                  <a:schemeClr val="accent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0625" y="1581563"/>
            <a:ext cx="5322687" cy="4600162"/>
          </a:xfrm>
        </p:spPr>
        <p:txBody>
          <a:bodyPr/>
          <a:lstStyle>
            <a:lvl1pPr>
              <a:defRPr/>
            </a:lvl1pPr>
          </a:lstStyle>
          <a:p>
            <a:pPr lvl="0"/>
            <a:r>
              <a:rPr lang="en-US"/>
              <a:t>First level</a:t>
            </a:r>
          </a:p>
          <a:p>
            <a:pPr lvl="1"/>
            <a:r>
              <a:rPr lang="en-US"/>
              <a:t>Second level</a:t>
            </a:r>
          </a:p>
          <a:p>
            <a:pPr lvl="2"/>
            <a:r>
              <a:rPr lang="en-US"/>
              <a:t>Third level</a:t>
            </a:r>
          </a:p>
          <a:p>
            <a:pPr lvl="3"/>
            <a:r>
              <a:rPr lang="en-US"/>
              <a:t>Fourth level</a:t>
            </a:r>
          </a:p>
          <a:p>
            <a:pPr lvl="4"/>
            <a:r>
              <a:rPr lang="en-US"/>
              <a:t>Fifth level</a:t>
            </a:r>
            <a:endParaRPr lang="en-GB"/>
          </a:p>
        </p:txBody>
      </p:sp>
      <p:sp>
        <p:nvSpPr>
          <p:cNvPr id="17" name="Guides" hidden="1">
            <a:extLst>
              <a:ext uri="{FF2B5EF4-FFF2-40B4-BE49-F238E27FC236}">
                <a16:creationId xmlns:a16="http://schemas.microsoft.com/office/drawing/2014/main" id="{B311900C-3FAD-C9F6-71A2-9727D560613B}"/>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9" name="Title 18">
            <a:extLst>
              <a:ext uri="{FF2B5EF4-FFF2-40B4-BE49-F238E27FC236}">
                <a16:creationId xmlns:a16="http://schemas.microsoft.com/office/drawing/2014/main" id="{A174E319-B28E-B43E-63A9-61C9E52DD4D3}"/>
              </a:ext>
            </a:extLst>
          </p:cNvPr>
          <p:cNvSpPr>
            <a:spLocks noGrp="1"/>
          </p:cNvSpPr>
          <p:nvPr>
            <p:ph type="title"/>
          </p:nvPr>
        </p:nvSpPr>
        <p:spPr>
          <a:xfrm>
            <a:off x="432000" y="324000"/>
            <a:ext cx="5322687" cy="450000"/>
          </a:xfrm>
        </p:spPr>
        <p:txBody>
          <a:bodyPr/>
          <a:lstStyle/>
          <a:p>
            <a:r>
              <a:rPr lang="en-US"/>
              <a:t>Click to edit Master title style</a:t>
            </a:r>
            <a:endParaRPr lang="en-GB"/>
          </a:p>
        </p:txBody>
      </p:sp>
      <p:sp>
        <p:nvSpPr>
          <p:cNvPr id="7" name="Slide Number Placeholder 5">
            <a:extLst>
              <a:ext uri="{FF2B5EF4-FFF2-40B4-BE49-F238E27FC236}">
                <a16:creationId xmlns:a16="http://schemas.microsoft.com/office/drawing/2014/main" id="{396EE335-92BD-7E49-0807-4F0FE4AAD5AA}"/>
              </a:ext>
            </a:extLst>
          </p:cNvPr>
          <p:cNvSpPr txBox="1">
            <a:spLocks/>
          </p:cNvSpPr>
          <p:nvPr userDrawn="1"/>
        </p:nvSpPr>
        <p:spPr>
          <a:xfrm>
            <a:off x="10401300" y="6312875"/>
            <a:ext cx="1358700" cy="365125"/>
          </a:xfrm>
          <a:prstGeom prst="rect">
            <a:avLst/>
          </a:prstGeom>
        </p:spPr>
        <p:txBody>
          <a:bodyPr vert="horz" lIns="0" tIns="0" rIns="0" bIns="0" rtlCol="0" anchor="ctr"/>
          <a:lstStyle>
            <a:defPPr>
              <a:defRPr lang="en-US"/>
            </a:defPPr>
            <a:lvl1pPr marL="0" algn="r" defTabSz="914400" rtl="0" eaLnBrk="1" latinLnBrk="0" hangingPunct="1">
              <a:defRPr sz="1600" b="1" kern="1200" baseline="0">
                <a:solidFill>
                  <a:srgbClr val="EBE4F3"/>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C855AFFB-64D9-4FA4-905E-E079B4C44CCB}" type="slidenum">
              <a:rPr lang="en-GB" smtClean="0"/>
              <a:pPr/>
              <a:t>‹#›</a:t>
            </a:fld>
            <a:r>
              <a:rPr lang="en-GB">
                <a:latin typeface="Avenir Next LT Pro" panose="020B0504020202020204" pitchFamily="34" charset="0"/>
              </a:rPr>
              <a:t>.</a:t>
            </a:r>
          </a:p>
        </p:txBody>
      </p:sp>
      <p:pic>
        <p:nvPicPr>
          <p:cNvPr id="2" name="Graphic 1">
            <a:extLst>
              <a:ext uri="{FF2B5EF4-FFF2-40B4-BE49-F238E27FC236}">
                <a16:creationId xmlns:a16="http://schemas.microsoft.com/office/drawing/2014/main" id="{B0E6B3EE-96B2-4BAF-DDD6-14ECD75CC6E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315654" y="297688"/>
            <a:ext cx="444345" cy="432001"/>
          </a:xfrm>
          <a:prstGeom prst="rect">
            <a:avLst/>
          </a:prstGeom>
        </p:spPr>
      </p:pic>
    </p:spTree>
    <p:extLst>
      <p:ext uri="{BB962C8B-B14F-4D97-AF65-F5344CB8AC3E}">
        <p14:creationId xmlns:p14="http://schemas.microsoft.com/office/powerpoint/2010/main" val="3583565843"/>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Comparison_Graphic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77EE97D-A2EF-F9E0-04FF-E33D1E4B6A88}"/>
              </a:ext>
            </a:extLst>
          </p:cNvPr>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0626" y="1060450"/>
            <a:ext cx="5324062" cy="504000"/>
          </a:xfrm>
        </p:spPr>
        <p:txBody>
          <a:bodyPr anchor="ctr">
            <a:normAutofit/>
          </a:bodyPr>
          <a:lstStyle>
            <a:lvl1pPr marL="0" indent="0">
              <a:buNone/>
              <a:defRPr sz="2400" b="1">
                <a:solidFill>
                  <a:schemeClr val="bg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0626" y="1581563"/>
            <a:ext cx="5324062" cy="4519200"/>
          </a:xfrm>
        </p:spPr>
        <p:txBody>
          <a:bodyPr/>
          <a:lstStyle>
            <a:lvl1pPr marL="0" indent="0">
              <a:buNone/>
              <a:defRPr sz="1800">
                <a:solidFill>
                  <a:schemeClr val="accent2"/>
                </a:solidFill>
              </a:defRPr>
            </a:lvl1pPr>
            <a:lvl2pPr marL="0" indent="0">
              <a:buFont typeface="Arial" panose="020B0604020202020204" pitchFamily="34" charset="0"/>
              <a:buNone/>
              <a:defRPr sz="1400"/>
            </a:lvl2pPr>
            <a:lvl3pPr marL="171450" indent="-171450">
              <a:buFont typeface="Arial" panose="020B0604020202020204" pitchFamily="34" charset="0"/>
              <a:buChar char="•"/>
              <a:defRPr sz="1400"/>
            </a:lvl3pPr>
            <a:lvl4pPr marL="171450" indent="-171450">
              <a:buFont typeface="Arial" panose="020B0604020202020204" pitchFamily="34" charset="0"/>
              <a:buChar char="•"/>
              <a:defRPr/>
            </a:lvl4pPr>
            <a:lvl5pPr marL="171450" indent="-171450">
              <a:buFont typeface="Arial" panose="020B0604020202020204" pitchFamily="34" charset="0"/>
              <a:buChar char="•"/>
              <a:defRPr/>
            </a:lvl5pPr>
            <a:lvl6pPr marL="360000" indent="-180000">
              <a:buFont typeface="Arial" panose="020B0604020202020204" pitchFamily="34" charset="0"/>
              <a:buChar char="−"/>
              <a:defRPr sz="1600"/>
            </a:lvl6pPr>
          </a:lstStyle>
          <a:p>
            <a:pPr lvl="0"/>
            <a:r>
              <a:rPr lang="en-US"/>
              <a:t>First level</a:t>
            </a:r>
          </a:p>
          <a:p>
            <a:pPr lvl="1"/>
            <a:r>
              <a:rPr lang="en-US"/>
              <a:t>Second level</a:t>
            </a:r>
          </a:p>
          <a:p>
            <a:pPr lvl="2"/>
            <a:r>
              <a:rPr lang="en-US"/>
              <a:t>Third level</a:t>
            </a:r>
          </a:p>
          <a:p>
            <a:pPr lvl="5"/>
            <a:r>
              <a:rPr lang="en-US"/>
              <a:t>Fourth level</a:t>
            </a:r>
          </a:p>
        </p:txBody>
      </p:sp>
      <p:sp>
        <p:nvSpPr>
          <p:cNvPr id="6" name="Content Placeholder 5">
            <a:extLst>
              <a:ext uri="{FF2B5EF4-FFF2-40B4-BE49-F238E27FC236}">
                <a16:creationId xmlns:a16="http://schemas.microsoft.com/office/drawing/2014/main" id="{996889CC-2822-30BE-5217-D1CD724A8AD4}"/>
              </a:ext>
            </a:extLst>
          </p:cNvPr>
          <p:cNvSpPr>
            <a:spLocks noGrp="1"/>
          </p:cNvSpPr>
          <p:nvPr>
            <p:ph sz="quarter" idx="13" hasCustomPrompt="1"/>
          </p:nvPr>
        </p:nvSpPr>
        <p:spPr>
          <a:xfrm>
            <a:off x="6438001" y="1581563"/>
            <a:ext cx="5320612" cy="4519200"/>
          </a:xfrm>
        </p:spPr>
        <p:txBody>
          <a:bodyPr/>
          <a:lstStyle>
            <a:lvl1pPr>
              <a:defRPr/>
            </a:lvl1pPr>
          </a:lstStyle>
          <a:p>
            <a:pPr lvl="0"/>
            <a:r>
              <a:rPr lang="en-US"/>
              <a:t>First level</a:t>
            </a:r>
          </a:p>
          <a:p>
            <a:pPr lvl="1"/>
            <a:r>
              <a:rPr lang="en-US"/>
              <a:t>Second level</a:t>
            </a:r>
          </a:p>
          <a:p>
            <a:pPr lvl="2"/>
            <a:r>
              <a:rPr lang="en-US"/>
              <a:t>Third level</a:t>
            </a:r>
          </a:p>
          <a:p>
            <a:pPr lvl="3"/>
            <a:r>
              <a:rPr lang="en-US"/>
              <a:t>Fourth level</a:t>
            </a:r>
          </a:p>
          <a:p>
            <a:pPr lvl="4"/>
            <a:r>
              <a:rPr lang="en-US"/>
              <a:t>Fifth level</a:t>
            </a:r>
            <a:endParaRPr lang="en-GB"/>
          </a:p>
        </p:txBody>
      </p:sp>
      <p:sp>
        <p:nvSpPr>
          <p:cNvPr id="7" name="Slide Number Placeholder 6">
            <a:extLst>
              <a:ext uri="{FF2B5EF4-FFF2-40B4-BE49-F238E27FC236}">
                <a16:creationId xmlns:a16="http://schemas.microsoft.com/office/drawing/2014/main" id="{30571DA5-F321-AA73-A363-FDFEC3D5CFCC}"/>
              </a:ext>
            </a:extLst>
          </p:cNvPr>
          <p:cNvSpPr>
            <a:spLocks noGrp="1"/>
          </p:cNvSpPr>
          <p:nvPr>
            <p:ph type="sldNum" sz="quarter" idx="15"/>
          </p:nvPr>
        </p:nvSpPr>
        <p:spPr/>
        <p:txBody>
          <a:bodyPr/>
          <a:lstStyle/>
          <a:p>
            <a:fld id="{C855AFFB-64D9-4FA4-905E-E079B4C44CCB}" type="slidenum">
              <a:rPr lang="en-GB" sz="1800" smtClean="0"/>
              <a:pPr/>
              <a:t>‹#›</a:t>
            </a:fld>
            <a:r>
              <a:rPr lang="en-GB">
                <a:latin typeface="Avenir Next LT Pro" panose="020B0504020202020204" pitchFamily="34" charset="0"/>
              </a:rPr>
              <a:t>.</a:t>
            </a:r>
          </a:p>
        </p:txBody>
      </p:sp>
      <p:sp>
        <p:nvSpPr>
          <p:cNvPr id="18" name="Guides" hidden="1">
            <a:extLst>
              <a:ext uri="{FF2B5EF4-FFF2-40B4-BE49-F238E27FC236}">
                <a16:creationId xmlns:a16="http://schemas.microsoft.com/office/drawing/2014/main" id="{6FEE2F9C-80CA-0AAD-7F91-ED6FD85584F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9" name="Title 18">
            <a:extLst>
              <a:ext uri="{FF2B5EF4-FFF2-40B4-BE49-F238E27FC236}">
                <a16:creationId xmlns:a16="http://schemas.microsoft.com/office/drawing/2014/main" id="{A5B7E437-E1F5-200D-C602-6AE47F4557F6}"/>
              </a:ext>
            </a:extLst>
          </p:cNvPr>
          <p:cNvSpPr>
            <a:spLocks noGrp="1"/>
          </p:cNvSpPr>
          <p:nvPr>
            <p:ph type="title"/>
          </p:nvPr>
        </p:nvSpPr>
        <p:spPr>
          <a:xfrm>
            <a:off x="432000" y="324000"/>
            <a:ext cx="5322687" cy="450000"/>
          </a:xfrm>
        </p:spPr>
        <p:txBody>
          <a:bodyPr/>
          <a:lstStyle/>
          <a:p>
            <a:r>
              <a:rPr lang="en-US"/>
              <a:t>Click to edit Master title style</a:t>
            </a:r>
            <a:endParaRPr lang="en-GB"/>
          </a:p>
        </p:txBody>
      </p:sp>
      <p:pic>
        <p:nvPicPr>
          <p:cNvPr id="5" name="Graphic 4">
            <a:extLst>
              <a:ext uri="{FF2B5EF4-FFF2-40B4-BE49-F238E27FC236}">
                <a16:creationId xmlns:a16="http://schemas.microsoft.com/office/drawing/2014/main" id="{3ADBF508-59AB-7DC4-DECA-2302A27A76C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315654" y="297688"/>
            <a:ext cx="444345" cy="432001"/>
          </a:xfrm>
          <a:prstGeom prst="rect">
            <a:avLst/>
          </a:prstGeom>
        </p:spPr>
      </p:pic>
    </p:spTree>
    <p:extLst>
      <p:ext uri="{BB962C8B-B14F-4D97-AF65-F5344CB8AC3E}">
        <p14:creationId xmlns:p14="http://schemas.microsoft.com/office/powerpoint/2010/main" val="3228955881"/>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Comparison_Statistic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77EE97D-A2EF-F9E0-04FF-E33D1E4B6A88}"/>
              </a:ext>
            </a:extLst>
          </p:cNvPr>
          <p:cNvSpPr>
            <a:spLocks noGrp="1" noRot="1" noMove="1" noResize="1" noEditPoints="1" noAdjustHandles="1" noChangeArrowheads="1" noChangeShapeType="1"/>
          </p:cNvSpPr>
          <p:nvPr userDrawn="1"/>
        </p:nvSpPr>
        <p:spPr>
          <a:xfrm>
            <a:off x="6096001" y="0"/>
            <a:ext cx="6095999" cy="6858000"/>
          </a:xfrm>
          <a:prstGeom prst="rect">
            <a:avLst/>
          </a:prstGeom>
          <a:solidFill>
            <a:srgbClr val="F4F4F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Text Placeholder 2">
            <a:extLst>
              <a:ext uri="{FF2B5EF4-FFF2-40B4-BE49-F238E27FC236}">
                <a16:creationId xmlns:a16="http://schemas.microsoft.com/office/drawing/2014/main" id="{A5D37987-FEF9-3A1E-6511-963037A4D240}"/>
              </a:ext>
            </a:extLst>
          </p:cNvPr>
          <p:cNvSpPr>
            <a:spLocks noGrp="1"/>
          </p:cNvSpPr>
          <p:nvPr>
            <p:ph type="body" idx="1" hasCustomPrompt="1"/>
          </p:nvPr>
        </p:nvSpPr>
        <p:spPr>
          <a:xfrm>
            <a:off x="431800" y="1050956"/>
            <a:ext cx="5322887" cy="504000"/>
          </a:xfrm>
        </p:spPr>
        <p:txBody>
          <a:bodyPr anchor="ctr">
            <a:normAutofit/>
          </a:bodyPr>
          <a:lstStyle>
            <a:lvl1pPr marL="0" indent="0">
              <a:buNone/>
              <a:defRPr sz="2400" b="1">
                <a:solidFill>
                  <a:schemeClr val="tx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add subtitle</a:t>
            </a:r>
          </a:p>
        </p:txBody>
      </p:sp>
      <p:sp>
        <p:nvSpPr>
          <p:cNvPr id="4" name="Content Placeholder 3">
            <a:extLst>
              <a:ext uri="{FF2B5EF4-FFF2-40B4-BE49-F238E27FC236}">
                <a16:creationId xmlns:a16="http://schemas.microsoft.com/office/drawing/2014/main" id="{AA9A7AC3-7016-124B-6D12-60D2ED84E150}"/>
              </a:ext>
            </a:extLst>
          </p:cNvPr>
          <p:cNvSpPr>
            <a:spLocks noGrp="1"/>
          </p:cNvSpPr>
          <p:nvPr>
            <p:ph sz="half" idx="2" hasCustomPrompt="1"/>
          </p:nvPr>
        </p:nvSpPr>
        <p:spPr>
          <a:xfrm>
            <a:off x="431800" y="1572069"/>
            <a:ext cx="5322887" cy="4528694"/>
          </a:xfrm>
        </p:spPr>
        <p:txBody>
          <a:bodyPr/>
          <a:lstStyle>
            <a:lvl1pPr>
              <a:defRPr/>
            </a:lvl1pPr>
            <a:lvl5pPr>
              <a:defRPr/>
            </a:lvl5pPr>
          </a:lstStyle>
          <a:p>
            <a:pPr lvl="0"/>
            <a:r>
              <a:rPr lang="en-US"/>
              <a:t>First level</a:t>
            </a:r>
          </a:p>
          <a:p>
            <a:pPr lvl="1"/>
            <a:r>
              <a:rPr lang="en-US"/>
              <a:t>Second level</a:t>
            </a:r>
          </a:p>
          <a:p>
            <a:pPr lvl="2"/>
            <a:r>
              <a:rPr lang="en-US"/>
              <a:t>Third level</a:t>
            </a:r>
          </a:p>
          <a:p>
            <a:pPr lvl="3"/>
            <a:r>
              <a:rPr lang="en-US"/>
              <a:t>Fourth level</a:t>
            </a:r>
          </a:p>
          <a:p>
            <a:pPr lvl="4"/>
            <a:r>
              <a:rPr lang="en-US"/>
              <a:t>Fifth level</a:t>
            </a:r>
          </a:p>
          <a:p>
            <a:pPr lvl="5"/>
            <a:r>
              <a:rPr lang="en-US"/>
              <a:t>Sixth level</a:t>
            </a:r>
            <a:endParaRPr lang="en-GB"/>
          </a:p>
        </p:txBody>
      </p:sp>
      <p:sp>
        <p:nvSpPr>
          <p:cNvPr id="8" name="Text Placeholder 7">
            <a:extLst>
              <a:ext uri="{FF2B5EF4-FFF2-40B4-BE49-F238E27FC236}">
                <a16:creationId xmlns:a16="http://schemas.microsoft.com/office/drawing/2014/main" id="{C305FDDD-E408-1BAC-1F05-4338D6D57FCC}"/>
              </a:ext>
            </a:extLst>
          </p:cNvPr>
          <p:cNvSpPr>
            <a:spLocks noGrp="1"/>
          </p:cNvSpPr>
          <p:nvPr>
            <p:ph type="body" sz="quarter" idx="16" hasCustomPrompt="1"/>
          </p:nvPr>
        </p:nvSpPr>
        <p:spPr>
          <a:xfrm>
            <a:off x="7232029" y="1404730"/>
            <a:ext cx="3823943" cy="4264230"/>
          </a:xfrm>
        </p:spPr>
        <p:txBody>
          <a:bodyPr anchor="ctr"/>
          <a:lstStyle>
            <a:lvl1pPr marL="0" indent="0" algn="ctr">
              <a:buNone/>
              <a:defRPr sz="3600" b="1" cap="all" spc="200" baseline="0">
                <a:solidFill>
                  <a:schemeClr val="tx2"/>
                </a:solidFill>
                <a:latin typeface="+mn-lt"/>
              </a:defRPr>
            </a:lvl1pPr>
            <a:lvl2pPr marL="0" indent="0" algn="ctr">
              <a:lnSpc>
                <a:spcPct val="80000"/>
              </a:lnSpc>
              <a:spcBef>
                <a:spcPts val="900"/>
              </a:spcBef>
              <a:buNone/>
              <a:defRPr sz="8000" b="1">
                <a:solidFill>
                  <a:schemeClr val="bg2"/>
                </a:solidFill>
              </a:defRPr>
            </a:lvl2pPr>
            <a:lvl3pPr marL="0" indent="0" algn="ctr">
              <a:buNone/>
              <a:defRPr sz="1800">
                <a:solidFill>
                  <a:schemeClr val="tx2"/>
                </a:solidFill>
              </a:defRPr>
            </a:lvl3pPr>
            <a:lvl4pPr indent="0">
              <a:buNone/>
              <a:defRPr>
                <a:solidFill>
                  <a:schemeClr val="bg1"/>
                </a:solidFill>
              </a:defRPr>
            </a:lvl4pPr>
            <a:lvl5pPr marL="0" indent="0">
              <a:buNone/>
              <a:defRPr>
                <a:solidFill>
                  <a:schemeClr val="bg1"/>
                </a:solidFill>
              </a:defRPr>
            </a:lvl5pPr>
            <a:lvl6pPr marL="0" indent="0">
              <a:buNone/>
              <a:defRPr>
                <a:solidFill>
                  <a:schemeClr val="bg1"/>
                </a:solidFill>
              </a:defRPr>
            </a:lvl6pPr>
          </a:lstStyle>
          <a:p>
            <a:pPr lvl="0"/>
            <a:r>
              <a:rPr lang="en-US"/>
              <a:t>First level</a:t>
            </a:r>
          </a:p>
          <a:p>
            <a:pPr lvl="1"/>
            <a:r>
              <a:rPr lang="en-US"/>
              <a:t>Second level</a:t>
            </a:r>
          </a:p>
          <a:p>
            <a:pPr lvl="2"/>
            <a:r>
              <a:rPr lang="en-US"/>
              <a:t>Third level</a:t>
            </a:r>
          </a:p>
        </p:txBody>
      </p:sp>
      <p:sp>
        <p:nvSpPr>
          <p:cNvPr id="6" name="Slide Number Placeholder 5">
            <a:extLst>
              <a:ext uri="{FF2B5EF4-FFF2-40B4-BE49-F238E27FC236}">
                <a16:creationId xmlns:a16="http://schemas.microsoft.com/office/drawing/2014/main" id="{A2DE5538-4907-6314-E80C-4819F5474A3E}"/>
              </a:ext>
            </a:extLst>
          </p:cNvPr>
          <p:cNvSpPr>
            <a:spLocks noGrp="1"/>
          </p:cNvSpPr>
          <p:nvPr>
            <p:ph type="sldNum" sz="quarter" idx="18"/>
          </p:nvPr>
        </p:nvSpPr>
        <p:spPr/>
        <p:txBody>
          <a:bodyPr/>
          <a:lstStyle/>
          <a:p>
            <a:fld id="{C855AFFB-64D9-4FA4-905E-E079B4C44CCB}" type="slidenum">
              <a:rPr lang="en-GB" sz="1800" smtClean="0"/>
              <a:pPr/>
              <a:t>‹#›</a:t>
            </a:fld>
            <a:r>
              <a:rPr lang="en-GB">
                <a:latin typeface="Avenir Next LT Pro" panose="020B0504020202020204" pitchFamily="34" charset="0"/>
              </a:rPr>
              <a:t>.</a:t>
            </a:r>
          </a:p>
        </p:txBody>
      </p:sp>
      <p:sp>
        <p:nvSpPr>
          <p:cNvPr id="18" name="Guides" hidden="1">
            <a:extLst>
              <a:ext uri="{FF2B5EF4-FFF2-40B4-BE49-F238E27FC236}">
                <a16:creationId xmlns:a16="http://schemas.microsoft.com/office/drawing/2014/main" id="{C95C99E9-CFDD-7E01-F96C-2F9C7D5B9A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itle 8">
            <a:extLst>
              <a:ext uri="{FF2B5EF4-FFF2-40B4-BE49-F238E27FC236}">
                <a16:creationId xmlns:a16="http://schemas.microsoft.com/office/drawing/2014/main" id="{DD71533A-D3C1-AD1A-F4D7-E005D0F2F77B}"/>
              </a:ext>
            </a:extLst>
          </p:cNvPr>
          <p:cNvSpPr>
            <a:spLocks noGrp="1"/>
          </p:cNvSpPr>
          <p:nvPr>
            <p:ph type="title"/>
          </p:nvPr>
        </p:nvSpPr>
        <p:spPr>
          <a:xfrm>
            <a:off x="432000" y="324000"/>
            <a:ext cx="5322687" cy="450000"/>
          </a:xfrm>
        </p:spPr>
        <p:txBody>
          <a:bodyPr/>
          <a:lstStyle/>
          <a:p>
            <a:r>
              <a:rPr lang="en-US"/>
              <a:t>Click to edit Master title style</a:t>
            </a:r>
            <a:endParaRPr lang="en-GB"/>
          </a:p>
        </p:txBody>
      </p:sp>
      <p:pic>
        <p:nvPicPr>
          <p:cNvPr id="5" name="Graphic 4">
            <a:extLst>
              <a:ext uri="{FF2B5EF4-FFF2-40B4-BE49-F238E27FC236}">
                <a16:creationId xmlns:a16="http://schemas.microsoft.com/office/drawing/2014/main" id="{877A5E61-F0E9-980F-3548-EE991C5D804B}"/>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1315654" y="297688"/>
            <a:ext cx="444345" cy="432001"/>
          </a:xfrm>
          <a:prstGeom prst="rect">
            <a:avLst/>
          </a:prstGeom>
        </p:spPr>
      </p:pic>
    </p:spTree>
    <p:extLst>
      <p:ext uri="{BB962C8B-B14F-4D97-AF65-F5344CB8AC3E}">
        <p14:creationId xmlns:p14="http://schemas.microsoft.com/office/powerpoint/2010/main" val="3406285489"/>
      </p:ext>
    </p:extLst>
  </p:cSld>
  <p:clrMapOvr>
    <a:masterClrMapping/>
  </p:clrMapOvr>
  <p:extLst>
    <p:ext uri="{DCECCB84-F9BA-43D5-87BE-67443E8EF086}">
      <p15:sldGuideLst xmlns:p15="http://schemas.microsoft.com/office/powerpoint/2012/main">
        <p15:guide id="1" orient="horz" pos="204" userDrawn="1">
          <p15:clr>
            <a:srgbClr val="8F8F8F"/>
          </p15:clr>
        </p15:guide>
        <p15:guide id="2" orient="horz" pos="487" userDrawn="1">
          <p15:clr>
            <a:srgbClr val="8F8F8F"/>
          </p15:clr>
        </p15:guide>
        <p15:guide id="3" orient="horz" pos="668" userDrawn="1">
          <p15:clr>
            <a:srgbClr val="FF96FF"/>
          </p15:clr>
        </p15:guide>
        <p15:guide id="4" orient="horz" pos="3843" userDrawn="1">
          <p15:clr>
            <a:srgbClr val="FF96FF"/>
          </p15:clr>
        </p15:guide>
        <p15:guide id="5" orient="horz" pos="3976" userDrawn="1">
          <p15:clr>
            <a:srgbClr val="8F8F8F"/>
          </p15:clr>
        </p15:guide>
        <p15:guide id="6" orient="horz" pos="4208" userDrawn="1">
          <p15:clr>
            <a:srgbClr val="8F8F8F"/>
          </p15:clr>
        </p15:guide>
        <p15:guide id="7" pos="272" userDrawn="1">
          <p15:clr>
            <a:srgbClr val="FF96FF"/>
          </p15:clr>
        </p15:guide>
        <p15:guide id="8" pos="7407" userDrawn="1">
          <p15:clr>
            <a:srgbClr val="FF96FF"/>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ags" Target="../tags/tag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tags" Target="../tags/tag3.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328810C-BE62-E307-ACC6-1614B7738418}"/>
              </a:ext>
            </a:extLst>
          </p:cNvPr>
          <p:cNvSpPr>
            <a:spLocks noGrp="1"/>
          </p:cNvSpPr>
          <p:nvPr>
            <p:ph type="title"/>
            <p:custDataLst>
              <p:tags r:id="rId18"/>
            </p:custDataLst>
          </p:nvPr>
        </p:nvSpPr>
        <p:spPr>
          <a:xfrm>
            <a:off x="432000" y="324000"/>
            <a:ext cx="11328000" cy="450000"/>
          </a:xfrm>
          <a:prstGeom prst="rect">
            <a:avLst/>
          </a:prstGeom>
        </p:spPr>
        <p:txBody>
          <a:bodyPr vert="horz" lIns="0" tIns="0" rIns="0" bIns="0" rtlCol="0" anchor="t">
            <a:normAutofit/>
          </a:bodyPr>
          <a:lstStyle/>
          <a:p>
            <a:r>
              <a:rPr lang="en-US"/>
              <a:t>Click to add title</a:t>
            </a:r>
            <a:endParaRPr lang="en-GB"/>
          </a:p>
        </p:txBody>
      </p:sp>
      <p:sp>
        <p:nvSpPr>
          <p:cNvPr id="3" name="Text Placeholder 2">
            <a:extLst>
              <a:ext uri="{FF2B5EF4-FFF2-40B4-BE49-F238E27FC236}">
                <a16:creationId xmlns:a16="http://schemas.microsoft.com/office/drawing/2014/main" id="{EBD11C1E-67AE-8F13-3746-CF458531E047}"/>
              </a:ext>
            </a:extLst>
          </p:cNvPr>
          <p:cNvSpPr>
            <a:spLocks noGrp="1"/>
          </p:cNvSpPr>
          <p:nvPr>
            <p:ph type="body" idx="1"/>
            <p:custDataLst>
              <p:tags r:id="rId19"/>
            </p:custDataLst>
          </p:nvPr>
        </p:nvSpPr>
        <p:spPr>
          <a:xfrm>
            <a:off x="432000" y="1061999"/>
            <a:ext cx="11328000" cy="5040000"/>
          </a:xfrm>
          <a:prstGeom prst="rect">
            <a:avLst/>
          </a:prstGeom>
        </p:spPr>
        <p:txBody>
          <a:bodyPr vert="horz" lIns="0" tIns="0" rIns="0" bIns="0" rtlCol="0">
            <a:normAutofit/>
          </a:bodyPr>
          <a:lstStyle/>
          <a:p>
            <a:pPr lvl="0"/>
            <a:r>
              <a:rPr lang="en-US"/>
              <a:t>First level</a:t>
            </a:r>
          </a:p>
          <a:p>
            <a:pPr lvl="1"/>
            <a:r>
              <a:rPr lang="en-US"/>
              <a:t>Second level</a:t>
            </a:r>
          </a:p>
          <a:p>
            <a:pPr lvl="2"/>
            <a:r>
              <a:rPr lang="en-US"/>
              <a:t>Third level</a:t>
            </a:r>
          </a:p>
          <a:p>
            <a:pPr lvl="3"/>
            <a:r>
              <a:rPr lang="en-US"/>
              <a:t>Fourth level</a:t>
            </a:r>
          </a:p>
          <a:p>
            <a:pPr lvl="4"/>
            <a:r>
              <a:rPr lang="en-US"/>
              <a:t>Fifth level</a:t>
            </a:r>
          </a:p>
          <a:p>
            <a:pPr lvl="5"/>
            <a:r>
              <a:rPr lang="en-US"/>
              <a:t>Sixth level</a:t>
            </a:r>
            <a:endParaRPr lang="en-GB"/>
          </a:p>
        </p:txBody>
      </p:sp>
      <p:sp>
        <p:nvSpPr>
          <p:cNvPr id="6" name="Slide Number Placeholder 5">
            <a:extLst>
              <a:ext uri="{FF2B5EF4-FFF2-40B4-BE49-F238E27FC236}">
                <a16:creationId xmlns:a16="http://schemas.microsoft.com/office/drawing/2014/main" id="{1B73AA8E-C51A-99A2-862F-04260BE2AE3C}"/>
              </a:ext>
            </a:extLst>
          </p:cNvPr>
          <p:cNvSpPr>
            <a:spLocks noGrp="1"/>
          </p:cNvSpPr>
          <p:nvPr>
            <p:ph type="sldNum" sz="quarter" idx="4"/>
          </p:nvPr>
        </p:nvSpPr>
        <p:spPr>
          <a:xfrm>
            <a:off x="10401300" y="6312875"/>
            <a:ext cx="1358700" cy="365125"/>
          </a:xfrm>
          <a:prstGeom prst="rect">
            <a:avLst/>
          </a:prstGeom>
        </p:spPr>
        <p:txBody>
          <a:bodyPr vert="horz" lIns="0" tIns="0" rIns="0" bIns="0" rtlCol="0" anchor="ctr"/>
          <a:lstStyle>
            <a:lvl1pPr algn="r">
              <a:defRPr sz="1600" b="1" baseline="0">
                <a:solidFill>
                  <a:srgbClr val="EBE4F3"/>
                </a:solidFill>
              </a:defRPr>
            </a:lvl1pPr>
          </a:lstStyle>
          <a:p>
            <a:fld id="{C855AFFB-64D9-4FA4-905E-E079B4C44CCB}" type="slidenum">
              <a:rPr lang="en-GB" smtClean="0"/>
              <a:pPr/>
              <a:t>‹#›</a:t>
            </a:fld>
            <a:r>
              <a:rPr lang="en-GB">
                <a:latin typeface="Avenir Next LT Pro" panose="020B0504020202020204" pitchFamily="34" charset="0"/>
              </a:rPr>
              <a:t>.</a:t>
            </a:r>
          </a:p>
        </p:txBody>
      </p:sp>
      <p:sp>
        <p:nvSpPr>
          <p:cNvPr id="24" name="Guides" hidden="1">
            <a:extLst>
              <a:ext uri="{FF2B5EF4-FFF2-40B4-BE49-F238E27FC236}">
                <a16:creationId xmlns:a16="http://schemas.microsoft.com/office/drawing/2014/main" id="{FCB483E3-16F4-8225-9A99-B09316AF1660}"/>
              </a:ext>
            </a:extLst>
          </p:cNvPr>
          <p:cNvSpPr/>
          <p:nvPr userDrawn="1">
            <p:custDataLst>
              <p:tags r:id="rId20"/>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547063989"/>
      </p:ext>
    </p:extLst>
  </p:cSld>
  <p:clrMap bg1="lt1" tx1="dk1" bg2="lt2" tx2="dk2" accent1="accent1" accent2="accent2" accent3="accent3" accent4="accent4" accent5="accent5" accent6="accent6" hlink="hlink" folHlink="folHlink"/>
  <p:sldLayoutIdLst>
    <p:sldLayoutId id="2147483649" r:id="rId1"/>
    <p:sldLayoutId id="2147483660" r:id="rId2"/>
    <p:sldLayoutId id="2147483650" r:id="rId3"/>
    <p:sldLayoutId id="2147483651" r:id="rId4"/>
    <p:sldLayoutId id="2147483661" r:id="rId5"/>
    <p:sldLayoutId id="2147483653" r:id="rId6"/>
    <p:sldLayoutId id="2147483662" r:id="rId7"/>
    <p:sldLayoutId id="2147483665" r:id="rId8"/>
    <p:sldLayoutId id="2147483669" r:id="rId9"/>
    <p:sldLayoutId id="2147483670" r:id="rId10"/>
    <p:sldLayoutId id="2147483652" r:id="rId11"/>
    <p:sldLayoutId id="2147483654" r:id="rId12"/>
    <p:sldLayoutId id="2147483655" r:id="rId13"/>
    <p:sldLayoutId id="2147483663" r:id="rId14"/>
    <p:sldLayoutId id="2147483664" r:id="rId15"/>
    <p:sldLayoutId id="2147483674" r:id="rId16"/>
  </p:sldLayoutIdLst>
  <p:hf hdr="0" dt="0"/>
  <p:txStyles>
    <p:titleStyle>
      <a:lvl1pPr algn="l" defTabSz="914400" rtl="0" eaLnBrk="1" latinLnBrk="0" hangingPunct="1">
        <a:lnSpc>
          <a:spcPct val="90000"/>
        </a:lnSpc>
        <a:spcBef>
          <a:spcPct val="0"/>
        </a:spcBef>
        <a:buNone/>
        <a:defRPr sz="2800" b="1" kern="1200" baseline="0">
          <a:solidFill>
            <a:schemeClr val="bg2"/>
          </a:solidFill>
          <a:latin typeface="+mj-lt"/>
          <a:ea typeface="+mj-ea"/>
          <a:cs typeface="+mj-cs"/>
        </a:defRPr>
      </a:lvl1pPr>
    </p:titleStyle>
    <p:bodyStyle>
      <a:lvl1pPr marL="180000" indent="-180000" algn="l" defTabSz="914400" rtl="0" eaLnBrk="1" latinLnBrk="0" hangingPunct="1">
        <a:lnSpc>
          <a:spcPct val="90000"/>
        </a:lnSpc>
        <a:spcBef>
          <a:spcPts val="600"/>
        </a:spcBef>
        <a:buClr>
          <a:schemeClr val="accent2"/>
        </a:buClr>
        <a:buFont typeface="Arial" panose="020B0604020202020204" pitchFamily="34" charset="0"/>
        <a:buChar char="•"/>
        <a:defRPr sz="1800" kern="1200">
          <a:solidFill>
            <a:schemeClr val="tx1"/>
          </a:solidFill>
          <a:latin typeface="+mn-lt"/>
          <a:ea typeface="+mn-ea"/>
          <a:cs typeface="+mn-cs"/>
        </a:defRPr>
      </a:lvl1pPr>
      <a:lvl2pPr marL="360000" indent="-180000" algn="l" defTabSz="914400" rtl="0" eaLnBrk="1" latinLnBrk="0" hangingPunct="1">
        <a:lnSpc>
          <a:spcPct val="90000"/>
        </a:lnSpc>
        <a:spcBef>
          <a:spcPts val="600"/>
        </a:spcBef>
        <a:buClr>
          <a:schemeClr val="accent2"/>
        </a:buClr>
        <a:buFont typeface="Arial" panose="020B0604020202020204" pitchFamily="34" charset="0"/>
        <a:buChar char="−"/>
        <a:defRPr sz="18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Clr>
          <a:schemeClr val="accent2"/>
        </a:buClr>
        <a:buFont typeface="Arial" panose="020B0604020202020204" pitchFamily="34" charset="0"/>
        <a:buChar char="•"/>
        <a:defRPr sz="1800" kern="1200">
          <a:solidFill>
            <a:schemeClr val="tx1"/>
          </a:solidFill>
          <a:latin typeface="+mn-lt"/>
          <a:ea typeface="+mn-ea"/>
          <a:cs typeface="+mn-cs"/>
        </a:defRPr>
      </a:lvl3pPr>
      <a:lvl4pPr marL="0" indent="-180000" algn="l" defTabSz="914400" rtl="0" eaLnBrk="1" latinLnBrk="0" hangingPunct="1">
        <a:lnSpc>
          <a:spcPct val="90000"/>
        </a:lnSpc>
        <a:spcBef>
          <a:spcPts val="600"/>
        </a:spcBef>
        <a:buClr>
          <a:schemeClr val="accent2"/>
        </a:buClr>
        <a:buFont typeface="Arial" panose="020B0604020202020204" pitchFamily="34" charset="0"/>
        <a:buChar char="•"/>
        <a:defRPr sz="1400" kern="1200">
          <a:solidFill>
            <a:schemeClr val="tx1"/>
          </a:solidFill>
          <a:latin typeface="+mn-lt"/>
          <a:ea typeface="+mn-ea"/>
          <a:cs typeface="+mn-cs"/>
        </a:defRPr>
      </a:lvl4pPr>
      <a:lvl5pPr marL="360000" indent="-180000" algn="l" defTabSz="914400" rtl="0" eaLnBrk="1" latinLnBrk="0" hangingPunct="1">
        <a:lnSpc>
          <a:spcPct val="90000"/>
        </a:lnSpc>
        <a:spcBef>
          <a:spcPts val="600"/>
        </a:spcBef>
        <a:buClr>
          <a:schemeClr val="accent2"/>
        </a:buClr>
        <a:buFont typeface="Arial" panose="020B0604020202020204" pitchFamily="34" charset="0"/>
        <a:buChar char="−"/>
        <a:defRPr sz="1400" kern="1200">
          <a:solidFill>
            <a:schemeClr val="tx1"/>
          </a:solidFill>
          <a:latin typeface="+mn-lt"/>
          <a:ea typeface="+mn-ea"/>
          <a:cs typeface="+mn-cs"/>
        </a:defRPr>
      </a:lvl5pPr>
      <a:lvl6pPr marL="540000" indent="-180000" algn="l" defTabSz="914400" rtl="0" eaLnBrk="1" latinLnBrk="0" hangingPunct="1">
        <a:lnSpc>
          <a:spcPct val="90000"/>
        </a:lnSpc>
        <a:spcBef>
          <a:spcPts val="600"/>
        </a:spcBef>
        <a:buClr>
          <a:schemeClr val="accent2"/>
        </a:buClr>
        <a:buFont typeface="Arial" panose="020B0604020202020204" pitchFamily="34" charset="0"/>
        <a:buChar char="•"/>
        <a:defRPr sz="14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5.xml"/><Relationship Id="rId1" Type="http://schemas.openxmlformats.org/officeDocument/2006/relationships/customXml" Target="../../customXml/item1.xml"/><Relationship Id="rId4" Type="http://schemas.openxmlformats.org/officeDocument/2006/relationships/image" Target="../media/image15.pn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xml"/><Relationship Id="rId1" Type="http://schemas.openxmlformats.org/officeDocument/2006/relationships/customXml" Target="../../customXml/item6.xml"/><Relationship Id="rId4" Type="http://schemas.openxmlformats.org/officeDocument/2006/relationships/image" Target="../media/image15.png"/></Relationships>
</file>

<file path=ppt/slides/_rels/slide1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9.png"/><Relationship Id="rId1" Type="http://schemas.openxmlformats.org/officeDocument/2006/relationships/slideLayout" Target="../slideLayouts/slideLayout16.xml"/></Relationships>
</file>

<file path=ppt/slides/_rels/slide1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9.png"/><Relationship Id="rId1" Type="http://schemas.openxmlformats.org/officeDocument/2006/relationships/slideLayout" Target="../slideLayouts/slideLayout16.xml"/></Relationships>
</file>

<file path=ppt/slides/_rels/slide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9.png"/><Relationship Id="rId1" Type="http://schemas.openxmlformats.org/officeDocument/2006/relationships/slideLayout" Target="../slideLayouts/slideLayout16.xml"/></Relationships>
</file>

<file path=ppt/slides/_rels/slide3.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9.png"/><Relationship Id="rId1" Type="http://schemas.openxmlformats.org/officeDocument/2006/relationships/slideLayout" Target="../slideLayouts/slideLayout16.xml"/></Relationships>
</file>

<file path=ppt/slides/_rels/slide4.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9.png"/><Relationship Id="rId1" Type="http://schemas.openxmlformats.org/officeDocument/2006/relationships/slideLayout" Target="../slideLayouts/slideLayout16.xml"/></Relationships>
</file>

<file path=ppt/slides/_rels/slide5.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9.png"/><Relationship Id="rId1" Type="http://schemas.openxmlformats.org/officeDocument/2006/relationships/slideLayout" Target="../slideLayouts/slideLayout16.xml"/></Relationships>
</file>

<file path=ppt/slides/_rels/slide6.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9.png"/><Relationship Id="rId1" Type="http://schemas.openxmlformats.org/officeDocument/2006/relationships/slideLayout" Target="../slideLayouts/slideLayout16.xml"/></Relationships>
</file>

<file path=ppt/slides/_rels/slide7.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9.png"/><Relationship Id="rId1" Type="http://schemas.openxmlformats.org/officeDocument/2006/relationships/slideLayout" Target="../slideLayouts/slideLayout16.xml"/></Relationships>
</file>

<file path=ppt/slides/_rels/slide8.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9.png"/><Relationship Id="rId1" Type="http://schemas.openxmlformats.org/officeDocument/2006/relationships/slideLayout" Target="../slideLayouts/slideLayout16.xml"/><Relationship Id="rId4" Type="http://schemas.openxmlformats.org/officeDocument/2006/relationships/image" Target="../media/image17.jpeg"/></Relationships>
</file>

<file path=ppt/slides/_rels/slide9.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9.png"/><Relationship Id="rId1" Type="http://schemas.openxmlformats.org/officeDocument/2006/relationships/slideLayout" Target="../slideLayouts/slideLayout1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C903E6D0-1C68-0D98-37A9-419373387A1F}"/>
              </a:ext>
            </a:extLst>
          </p:cNvPr>
          <p:cNvSpPr>
            <a:spLocks noGrp="1"/>
          </p:cNvSpPr>
          <p:nvPr>
            <p:ph type="ftr" sz="quarter" idx="11"/>
          </p:nvPr>
        </p:nvSpPr>
        <p:spPr>
          <a:xfrm>
            <a:off x="689249" y="6024875"/>
            <a:ext cx="2615926" cy="365125"/>
          </a:xfrm>
        </p:spPr>
        <p:txBody>
          <a:bodyPr/>
          <a:lstStyle/>
          <a:p>
            <a:r>
              <a:rPr lang="en-GB" b="0" dirty="0">
                <a:solidFill>
                  <a:schemeClr val="bg2">
                    <a:lumMod val="20000"/>
                    <a:lumOff val="80000"/>
                  </a:schemeClr>
                </a:solidFill>
              </a:rPr>
              <a:t>Transforming Lives.</a:t>
            </a:r>
          </a:p>
        </p:txBody>
      </p:sp>
      <p:sp>
        <p:nvSpPr>
          <p:cNvPr id="3" name="object 2"/>
          <p:cNvSpPr txBox="1">
            <a:spLocks/>
          </p:cNvSpPr>
          <p:nvPr/>
        </p:nvSpPr>
        <p:spPr>
          <a:xfrm>
            <a:off x="689249" y="2380354"/>
            <a:ext cx="6749241" cy="627736"/>
          </a:xfrm>
          <a:prstGeom prst="rect">
            <a:avLst/>
          </a:prstGeom>
        </p:spPr>
        <p:txBody>
          <a:bodyPr vert="horz" wrap="square" lIns="0" tIns="12065" rIns="0" bIns="0" rtlCol="0" anchor="t">
            <a:spAutoFit/>
          </a:bodyPr>
          <a:lstStyle>
            <a:lvl1pPr algn="l" defTabSz="914400" rtl="0" eaLnBrk="1" latinLnBrk="0" hangingPunct="1">
              <a:lnSpc>
                <a:spcPct val="90000"/>
              </a:lnSpc>
              <a:spcBef>
                <a:spcPct val="0"/>
              </a:spcBef>
              <a:buNone/>
              <a:defRPr sz="4000" b="1" kern="1200" baseline="0">
                <a:solidFill>
                  <a:schemeClr val="bg2"/>
                </a:solidFill>
                <a:latin typeface="+mj-lt"/>
                <a:ea typeface="+mj-ea"/>
                <a:cs typeface="+mj-cs"/>
              </a:defRPr>
            </a:lvl1pPr>
          </a:lstStyle>
          <a:p>
            <a:pPr marL="12700">
              <a:lnSpc>
                <a:spcPct val="100000"/>
              </a:lnSpc>
              <a:spcBef>
                <a:spcPts val="95"/>
              </a:spcBef>
            </a:pPr>
            <a:r>
              <a:rPr lang="en-GB" spc="-45" dirty="0"/>
              <a:t>Power BI Dataflows</a:t>
            </a:r>
            <a:endParaRPr lang="en-GB" dirty="0"/>
          </a:p>
        </p:txBody>
      </p:sp>
      <p:pic>
        <p:nvPicPr>
          <p:cNvPr id="1026" name="Picture 2">
            <a:extLst>
              <a:ext uri="{FF2B5EF4-FFF2-40B4-BE49-F238E27FC236}">
                <a16:creationId xmlns:a16="http://schemas.microsoft.com/office/drawing/2014/main" id="{F9CD3A10-5032-9118-7236-F5EE9158C479}"/>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8763000" y="1714500"/>
            <a:ext cx="3429000" cy="34290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301427904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C903E6D0-1C68-0D98-37A9-419373387A1F}"/>
              </a:ext>
            </a:extLst>
          </p:cNvPr>
          <p:cNvSpPr>
            <a:spLocks noGrp="1"/>
          </p:cNvSpPr>
          <p:nvPr>
            <p:ph type="ftr" sz="quarter" idx="11"/>
          </p:nvPr>
        </p:nvSpPr>
        <p:spPr>
          <a:xfrm>
            <a:off x="689249" y="6024875"/>
            <a:ext cx="2615926" cy="365125"/>
          </a:xfrm>
        </p:spPr>
        <p:txBody>
          <a:bodyPr/>
          <a:lstStyle/>
          <a:p>
            <a:r>
              <a:rPr lang="en-GB" b="0" dirty="0">
                <a:solidFill>
                  <a:schemeClr val="bg2">
                    <a:lumMod val="20000"/>
                    <a:lumOff val="80000"/>
                  </a:schemeClr>
                </a:solidFill>
              </a:rPr>
              <a:t>Transforming Lives.</a:t>
            </a:r>
          </a:p>
        </p:txBody>
      </p:sp>
      <p:sp>
        <p:nvSpPr>
          <p:cNvPr id="3" name="object 2"/>
          <p:cNvSpPr txBox="1">
            <a:spLocks/>
          </p:cNvSpPr>
          <p:nvPr/>
        </p:nvSpPr>
        <p:spPr>
          <a:xfrm>
            <a:off x="689249" y="2380354"/>
            <a:ext cx="6749241" cy="1243289"/>
          </a:xfrm>
          <a:prstGeom prst="rect">
            <a:avLst/>
          </a:prstGeom>
        </p:spPr>
        <p:txBody>
          <a:bodyPr vert="horz" wrap="square" lIns="0" tIns="12065" rIns="0" bIns="0" rtlCol="0" anchor="t">
            <a:spAutoFit/>
          </a:bodyPr>
          <a:lstStyle>
            <a:lvl1pPr algn="l" defTabSz="914400" rtl="0" eaLnBrk="1" latinLnBrk="0" hangingPunct="1">
              <a:lnSpc>
                <a:spcPct val="90000"/>
              </a:lnSpc>
              <a:spcBef>
                <a:spcPct val="0"/>
              </a:spcBef>
              <a:buNone/>
              <a:defRPr sz="4000" b="1" kern="1200" baseline="0">
                <a:solidFill>
                  <a:schemeClr val="bg2"/>
                </a:solidFill>
                <a:latin typeface="+mj-lt"/>
                <a:ea typeface="+mj-ea"/>
                <a:cs typeface="+mj-cs"/>
              </a:defRPr>
            </a:lvl1pPr>
          </a:lstStyle>
          <a:p>
            <a:pPr marL="12700">
              <a:lnSpc>
                <a:spcPct val="100000"/>
              </a:lnSpc>
              <a:spcBef>
                <a:spcPts val="95"/>
              </a:spcBef>
            </a:pPr>
            <a:r>
              <a:rPr lang="en-GB" spc="-45" dirty="0"/>
              <a:t>Import vs Direct Query Mode</a:t>
            </a:r>
            <a:endParaRPr lang="en-GB" dirty="0"/>
          </a:p>
        </p:txBody>
      </p:sp>
      <p:pic>
        <p:nvPicPr>
          <p:cNvPr id="1026" name="Picture 2">
            <a:extLst>
              <a:ext uri="{FF2B5EF4-FFF2-40B4-BE49-F238E27FC236}">
                <a16:creationId xmlns:a16="http://schemas.microsoft.com/office/drawing/2014/main" id="{F9CD3A10-5032-9118-7236-F5EE9158C479}"/>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8763000" y="1714500"/>
            <a:ext cx="3429000" cy="34290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120747078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 name="object 3"/>
          <p:cNvGrpSpPr/>
          <p:nvPr/>
        </p:nvGrpSpPr>
        <p:grpSpPr>
          <a:xfrm>
            <a:off x="0" y="0"/>
            <a:ext cx="707390" cy="6858000"/>
            <a:chOff x="0" y="0"/>
            <a:chExt cx="707390" cy="6858000"/>
          </a:xfrm>
          <a:solidFill>
            <a:schemeClr val="bg2"/>
          </a:solidFill>
        </p:grpSpPr>
        <p:sp>
          <p:nvSpPr>
            <p:cNvPr id="4" name="object 4"/>
            <p:cNvSpPr/>
            <p:nvPr/>
          </p:nvSpPr>
          <p:spPr>
            <a:xfrm>
              <a:off x="0" y="0"/>
              <a:ext cx="478790" cy="6858000"/>
            </a:xfrm>
            <a:custGeom>
              <a:avLst/>
              <a:gdLst/>
              <a:ahLst/>
              <a:cxnLst/>
              <a:rect l="l" t="t" r="r" b="b"/>
              <a:pathLst>
                <a:path w="478790" h="6858000">
                  <a:moveTo>
                    <a:pt x="0" y="6858000"/>
                  </a:moveTo>
                  <a:lnTo>
                    <a:pt x="478536" y="6858000"/>
                  </a:lnTo>
                  <a:lnTo>
                    <a:pt x="478536" y="0"/>
                  </a:lnTo>
                  <a:lnTo>
                    <a:pt x="0" y="0"/>
                  </a:lnTo>
                  <a:lnTo>
                    <a:pt x="0" y="6858000"/>
                  </a:lnTo>
                  <a:close/>
                </a:path>
              </a:pathLst>
            </a:custGeom>
            <a:grpFill/>
            <a:ln>
              <a:solidFill>
                <a:schemeClr val="accent1"/>
              </a:solidFill>
            </a:ln>
          </p:spPr>
          <p:txBody>
            <a:bodyPr wrap="square" lIns="0" tIns="0" rIns="0" bIns="0" rtlCol="0"/>
            <a:lstStyle/>
            <a:p>
              <a:endParaRPr/>
            </a:p>
          </p:txBody>
        </p:sp>
        <p:sp>
          <p:nvSpPr>
            <p:cNvPr id="5" name="object 5"/>
            <p:cNvSpPr/>
            <p:nvPr/>
          </p:nvSpPr>
          <p:spPr>
            <a:xfrm>
              <a:off x="478536" y="0"/>
              <a:ext cx="228600" cy="6858000"/>
            </a:xfrm>
            <a:custGeom>
              <a:avLst/>
              <a:gdLst/>
              <a:ahLst/>
              <a:cxnLst/>
              <a:rect l="l" t="t" r="r" b="b"/>
              <a:pathLst>
                <a:path w="228600" h="6858000">
                  <a:moveTo>
                    <a:pt x="228600" y="0"/>
                  </a:moveTo>
                  <a:lnTo>
                    <a:pt x="0" y="0"/>
                  </a:lnTo>
                  <a:lnTo>
                    <a:pt x="0" y="6858000"/>
                  </a:lnTo>
                  <a:lnTo>
                    <a:pt x="228600" y="6858000"/>
                  </a:lnTo>
                  <a:lnTo>
                    <a:pt x="228600" y="0"/>
                  </a:lnTo>
                  <a:close/>
                </a:path>
              </a:pathLst>
            </a:custGeom>
            <a:solidFill>
              <a:schemeClr val="tx2">
                <a:lumMod val="10000"/>
                <a:lumOff val="90000"/>
              </a:schemeClr>
            </a:solidFill>
            <a:ln>
              <a:solidFill>
                <a:schemeClr val="accent1"/>
              </a:solidFill>
            </a:ln>
          </p:spPr>
          <p:txBody>
            <a:bodyPr wrap="square" lIns="0" tIns="0" rIns="0" bIns="0" rtlCol="0"/>
            <a:lstStyle/>
            <a:p>
              <a:endParaRPr/>
            </a:p>
          </p:txBody>
        </p:sp>
      </p:grpSp>
      <p:pic>
        <p:nvPicPr>
          <p:cNvPr id="2" name="Graphic 1">
            <a:extLst>
              <a:ext uri="{FF2B5EF4-FFF2-40B4-BE49-F238E27FC236}">
                <a16:creationId xmlns:a16="http://schemas.microsoft.com/office/drawing/2014/main" id="{1171145E-4D8F-72DF-F97E-1750F3037B1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45142" y="548624"/>
            <a:ext cx="462858" cy="450000"/>
          </a:xfrm>
          <a:prstGeom prst="rect">
            <a:avLst/>
          </a:prstGeom>
        </p:spPr>
      </p:pic>
      <p:sp>
        <p:nvSpPr>
          <p:cNvPr id="15" name="TextBox 14">
            <a:extLst>
              <a:ext uri="{FF2B5EF4-FFF2-40B4-BE49-F238E27FC236}">
                <a16:creationId xmlns:a16="http://schemas.microsoft.com/office/drawing/2014/main" id="{636D1A20-E34A-973D-0FDE-8EAC0874487D}"/>
              </a:ext>
            </a:extLst>
          </p:cNvPr>
          <p:cNvSpPr txBox="1"/>
          <p:nvPr/>
        </p:nvSpPr>
        <p:spPr>
          <a:xfrm>
            <a:off x="6373415" y="1171708"/>
            <a:ext cx="4198803" cy="523220"/>
          </a:xfrm>
          <a:prstGeom prst="rect">
            <a:avLst/>
          </a:prstGeom>
          <a:noFill/>
        </p:spPr>
        <p:txBody>
          <a:bodyPr wrap="square" rtlCol="0">
            <a:spAutoFit/>
          </a:bodyPr>
          <a:lstStyle/>
          <a:p>
            <a:r>
              <a:rPr lang="en-US" sz="2800" b="1" dirty="0">
                <a:solidFill>
                  <a:schemeClr val="bg1"/>
                </a:solidFill>
                <a:latin typeface="Tahoma" panose="020B0604030504040204" pitchFamily="34" charset="0"/>
                <a:ea typeface="Tahoma" panose="020B0604030504040204" pitchFamily="34" charset="0"/>
                <a:cs typeface="Tahoma" panose="020B0604030504040204" pitchFamily="34" charset="0"/>
              </a:rPr>
              <a:t>Import</a:t>
            </a:r>
          </a:p>
        </p:txBody>
      </p:sp>
      <p:sp>
        <p:nvSpPr>
          <p:cNvPr id="19" name="Text Placeholder 3">
            <a:extLst>
              <a:ext uri="{FF2B5EF4-FFF2-40B4-BE49-F238E27FC236}">
                <a16:creationId xmlns:a16="http://schemas.microsoft.com/office/drawing/2014/main" id="{048C9E7E-54D6-328B-8200-A8088174A875}"/>
              </a:ext>
            </a:extLst>
          </p:cNvPr>
          <p:cNvSpPr txBox="1">
            <a:spLocks/>
          </p:cNvSpPr>
          <p:nvPr/>
        </p:nvSpPr>
        <p:spPr>
          <a:xfrm>
            <a:off x="1450339" y="3116470"/>
            <a:ext cx="8931730" cy="2795232"/>
          </a:xfrm>
          <a:prstGeom prst="rect">
            <a:avLst/>
          </a:prstGeom>
        </p:spPr>
        <p:txBody>
          <a:bodyPr vert="horz" lIns="0" tIns="0" rIns="0" bIns="0" rtlCol="0" anchor="b">
            <a:noAutofit/>
          </a:bodyPr>
          <a:lstStyle>
            <a:lvl1pPr marL="0" indent="0" algn="l" defTabSz="914400" rtl="0" eaLnBrk="1" latinLnBrk="0" hangingPunct="1">
              <a:lnSpc>
                <a:spcPct val="90000"/>
              </a:lnSpc>
              <a:spcBef>
                <a:spcPts val="1000"/>
              </a:spcBef>
              <a:buFont typeface="Arial" panose="020B0604020202020204" pitchFamily="34" charset="0"/>
              <a:buNone/>
              <a:defRPr sz="1600" b="0" i="0" kern="1200">
                <a:solidFill>
                  <a:schemeClr val="tx2"/>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4000" b="0" i="0" kern="1200">
                <a:solidFill>
                  <a:schemeClr val="bg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4000" b="0" i="0" kern="1200">
                <a:solidFill>
                  <a:schemeClr val="bg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4000" b="0" i="0" kern="1200">
                <a:solidFill>
                  <a:schemeClr val="bg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4000" b="0" i="0" kern="1200">
                <a:solidFill>
                  <a:schemeClr val="bg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2000" b="1" dirty="0">
                <a:solidFill>
                  <a:schemeClr val="tx1"/>
                </a:solidFill>
                <a:latin typeface="Tahoma" panose="020B0604030504040204" pitchFamily="34" charset="0"/>
                <a:ea typeface="Tahoma" panose="020B0604030504040204" pitchFamily="34" charset="0"/>
                <a:cs typeface="Tahoma" panose="020B0604030504040204" pitchFamily="34" charset="0"/>
              </a:rPr>
              <a:t>Import</a:t>
            </a:r>
            <a:r>
              <a:rPr lang="en-US" sz="2000" dirty="0">
                <a:solidFill>
                  <a:schemeClr val="tx1"/>
                </a:solidFill>
                <a:latin typeface="Tahoma" panose="020B0604030504040204" pitchFamily="34" charset="0"/>
                <a:ea typeface="Tahoma" panose="020B0604030504040204" pitchFamily="34" charset="0"/>
                <a:cs typeface="Tahoma" panose="020B0604030504040204" pitchFamily="34" charset="0"/>
              </a:rPr>
              <a:t> mode loads the data into Power BI’s in-memory data model. Once imported, the data is stored within the Power BI file (.</a:t>
            </a:r>
            <a:r>
              <a:rPr lang="en-US" sz="2000" dirty="0" err="1">
                <a:solidFill>
                  <a:schemeClr val="tx1"/>
                </a:solidFill>
                <a:latin typeface="Tahoma" panose="020B0604030504040204" pitchFamily="34" charset="0"/>
                <a:ea typeface="Tahoma" panose="020B0604030504040204" pitchFamily="34" charset="0"/>
                <a:cs typeface="Tahoma" panose="020B0604030504040204" pitchFamily="34" charset="0"/>
              </a:rPr>
              <a:t>pbix</a:t>
            </a:r>
            <a:r>
              <a:rPr lang="en-US" sz="2000" dirty="0">
                <a:solidFill>
                  <a:schemeClr val="tx1"/>
                </a:solidFill>
                <a:latin typeface="Tahoma" panose="020B0604030504040204" pitchFamily="34" charset="0"/>
                <a:ea typeface="Tahoma" panose="020B0604030504040204" pitchFamily="34" charset="0"/>
                <a:cs typeface="Tahoma" panose="020B0604030504040204" pitchFamily="34" charset="0"/>
              </a:rPr>
              <a:t>) and is compressed for optimized performance.</a:t>
            </a:r>
          </a:p>
          <a:p>
            <a:r>
              <a:rPr lang="en-US" sz="2000" b="1" dirty="0">
                <a:solidFill>
                  <a:schemeClr val="tx1"/>
                </a:solidFill>
                <a:latin typeface="Tahoma" panose="020B0604030504040204" pitchFamily="34" charset="0"/>
                <a:ea typeface="Tahoma" panose="020B0604030504040204" pitchFamily="34" charset="0"/>
                <a:cs typeface="Tahoma" panose="020B0604030504040204" pitchFamily="34" charset="0"/>
              </a:rPr>
              <a:t>Key Features</a:t>
            </a:r>
            <a:r>
              <a:rPr lang="en-US" sz="2000" dirty="0">
                <a:solidFill>
                  <a:schemeClr val="tx1"/>
                </a:solidFill>
                <a:latin typeface="Tahoma" panose="020B0604030504040204" pitchFamily="34" charset="0"/>
                <a:ea typeface="Tahoma" panose="020B0604030504040204" pitchFamily="34" charset="0"/>
                <a:cs typeface="Tahoma" panose="020B0604030504040204" pitchFamily="34" charset="0"/>
              </a:rPr>
              <a:t>:</a:t>
            </a:r>
          </a:p>
          <a:p>
            <a:pPr>
              <a:buFont typeface="Arial" panose="020B0604020202020204" pitchFamily="34" charset="0"/>
              <a:buChar char="•"/>
            </a:pPr>
            <a:r>
              <a:rPr lang="en-US" sz="2000" b="1" dirty="0">
                <a:solidFill>
                  <a:schemeClr val="tx1"/>
                </a:solidFill>
                <a:latin typeface="Tahoma" panose="020B0604030504040204" pitchFamily="34" charset="0"/>
                <a:ea typeface="Tahoma" panose="020B0604030504040204" pitchFamily="34" charset="0"/>
                <a:cs typeface="Tahoma" panose="020B0604030504040204" pitchFamily="34" charset="0"/>
              </a:rPr>
              <a:t> Performance</a:t>
            </a:r>
            <a:r>
              <a:rPr lang="en-US" sz="2000" dirty="0">
                <a:solidFill>
                  <a:schemeClr val="tx1"/>
                </a:solidFill>
                <a:latin typeface="Tahoma" panose="020B0604030504040204" pitchFamily="34" charset="0"/>
                <a:ea typeface="Tahoma" panose="020B0604030504040204" pitchFamily="34" charset="0"/>
                <a:cs typeface="Tahoma" panose="020B0604030504040204" pitchFamily="34" charset="0"/>
              </a:rPr>
              <a:t>: Data is stored in memory, which allows for very fast query performance.</a:t>
            </a:r>
          </a:p>
          <a:p>
            <a:pPr>
              <a:buFont typeface="Arial" panose="020B0604020202020204" pitchFamily="34" charset="0"/>
              <a:buChar char="•"/>
            </a:pPr>
            <a:r>
              <a:rPr lang="en-US" sz="2000" b="1" dirty="0">
                <a:solidFill>
                  <a:schemeClr val="tx1"/>
                </a:solidFill>
                <a:latin typeface="Tahoma" panose="020B0604030504040204" pitchFamily="34" charset="0"/>
                <a:ea typeface="Tahoma" panose="020B0604030504040204" pitchFamily="34" charset="0"/>
                <a:cs typeface="Tahoma" panose="020B0604030504040204" pitchFamily="34" charset="0"/>
              </a:rPr>
              <a:t> Data Refresh</a:t>
            </a:r>
            <a:r>
              <a:rPr lang="en-US" sz="2000" dirty="0">
                <a:solidFill>
                  <a:schemeClr val="tx1"/>
                </a:solidFill>
                <a:latin typeface="Tahoma" panose="020B0604030504040204" pitchFamily="34" charset="0"/>
                <a:ea typeface="Tahoma" panose="020B0604030504040204" pitchFamily="34" charset="0"/>
                <a:cs typeface="Tahoma" panose="020B0604030504040204" pitchFamily="34" charset="0"/>
              </a:rPr>
              <a:t>: Since the data is loaded into Power BI, you need to periodically refresh the data to keep it up to date. This can be done manually or scheduled using Power BI Service.</a:t>
            </a:r>
          </a:p>
          <a:p>
            <a:pPr>
              <a:buFont typeface="Arial" panose="020B0604020202020204" pitchFamily="34" charset="0"/>
              <a:buChar char="•"/>
            </a:pPr>
            <a:r>
              <a:rPr lang="en-US" sz="2000" b="1" dirty="0">
                <a:solidFill>
                  <a:schemeClr val="tx1"/>
                </a:solidFill>
                <a:latin typeface="Tahoma" panose="020B0604030504040204" pitchFamily="34" charset="0"/>
                <a:ea typeface="Tahoma" panose="020B0604030504040204" pitchFamily="34" charset="0"/>
                <a:cs typeface="Tahoma" panose="020B0604030504040204" pitchFamily="34" charset="0"/>
              </a:rPr>
              <a:t> Full DAX Support</a:t>
            </a:r>
            <a:r>
              <a:rPr lang="en-US" sz="2000" dirty="0">
                <a:solidFill>
                  <a:schemeClr val="tx1"/>
                </a:solidFill>
                <a:latin typeface="Tahoma" panose="020B0604030504040204" pitchFamily="34" charset="0"/>
                <a:ea typeface="Tahoma" panose="020B0604030504040204" pitchFamily="34" charset="0"/>
                <a:cs typeface="Tahoma" panose="020B0604030504040204" pitchFamily="34" charset="0"/>
              </a:rPr>
              <a:t>: All DAX functions are available, allowing for complex calculations, aggregations, and transformations.</a:t>
            </a:r>
          </a:p>
          <a:p>
            <a:pPr>
              <a:buFont typeface="Arial" panose="020B0604020202020204" pitchFamily="34" charset="0"/>
              <a:buChar char="•"/>
            </a:pPr>
            <a:r>
              <a:rPr lang="en-US" sz="2000" b="1" dirty="0">
                <a:solidFill>
                  <a:schemeClr val="tx1"/>
                </a:solidFill>
                <a:latin typeface="Tahoma" panose="020B0604030504040204" pitchFamily="34" charset="0"/>
                <a:ea typeface="Tahoma" panose="020B0604030504040204" pitchFamily="34" charset="0"/>
                <a:cs typeface="Tahoma" panose="020B0604030504040204" pitchFamily="34" charset="0"/>
              </a:rPr>
              <a:t> Offline Capability</a:t>
            </a:r>
            <a:r>
              <a:rPr lang="en-US" sz="2000" dirty="0">
                <a:solidFill>
                  <a:schemeClr val="tx1"/>
                </a:solidFill>
                <a:latin typeface="Tahoma" panose="020B0604030504040204" pitchFamily="34" charset="0"/>
                <a:ea typeface="Tahoma" panose="020B0604030504040204" pitchFamily="34" charset="0"/>
                <a:cs typeface="Tahoma" panose="020B0604030504040204" pitchFamily="34" charset="0"/>
              </a:rPr>
              <a:t>: The data is stored within the Power BI file, so you can work offline without needing a continuous connection to the data source.</a:t>
            </a:r>
          </a:p>
        </p:txBody>
      </p:sp>
      <p:sp>
        <p:nvSpPr>
          <p:cNvPr id="21" name="object 6">
            <a:extLst>
              <a:ext uri="{FF2B5EF4-FFF2-40B4-BE49-F238E27FC236}">
                <a16:creationId xmlns:a16="http://schemas.microsoft.com/office/drawing/2014/main" id="{C978405B-5C15-BA00-6C08-5C16DD584B5A}"/>
              </a:ext>
            </a:extLst>
          </p:cNvPr>
          <p:cNvSpPr txBox="1">
            <a:spLocks noGrp="1"/>
          </p:cNvSpPr>
          <p:nvPr>
            <p:ph type="title"/>
          </p:nvPr>
        </p:nvSpPr>
        <p:spPr>
          <a:xfrm>
            <a:off x="1450339" y="627380"/>
            <a:ext cx="6566610" cy="690574"/>
          </a:xfrm>
          <a:prstGeom prst="rect">
            <a:avLst/>
          </a:prstGeom>
        </p:spPr>
        <p:txBody>
          <a:bodyPr vert="horz" wrap="square" lIns="0" tIns="13335" rIns="0" bIns="0" rtlCol="0">
            <a:spAutoFit/>
          </a:bodyPr>
          <a:lstStyle/>
          <a:p>
            <a:pPr marL="12700">
              <a:lnSpc>
                <a:spcPct val="100000"/>
              </a:lnSpc>
              <a:spcBef>
                <a:spcPts val="105"/>
              </a:spcBef>
            </a:pPr>
            <a:r>
              <a:rPr lang="en-GB" sz="4400" spc="-110" dirty="0">
                <a:solidFill>
                  <a:schemeClr val="bg2"/>
                </a:solidFill>
              </a:rPr>
              <a:t>Import</a:t>
            </a:r>
            <a:endParaRPr sz="4400" spc="-110" dirty="0">
              <a:solidFill>
                <a:schemeClr val="bg2"/>
              </a:solidFill>
            </a:endParaRPr>
          </a:p>
        </p:txBody>
      </p:sp>
      <p:sp>
        <p:nvSpPr>
          <p:cNvPr id="22" name="Rectangle 21">
            <a:extLst>
              <a:ext uri="{FF2B5EF4-FFF2-40B4-BE49-F238E27FC236}">
                <a16:creationId xmlns:a16="http://schemas.microsoft.com/office/drawing/2014/main" id="{9213F71B-213A-BBD6-C524-351B15E98739}"/>
              </a:ext>
            </a:extLst>
          </p:cNvPr>
          <p:cNvSpPr/>
          <p:nvPr/>
        </p:nvSpPr>
        <p:spPr>
          <a:xfrm>
            <a:off x="1450339" y="1317954"/>
            <a:ext cx="8671856" cy="45719"/>
          </a:xfrm>
          <a:prstGeom prst="rect">
            <a:avLst/>
          </a:prstGeom>
          <a:ln>
            <a:noFill/>
          </a:ln>
        </p:spPr>
        <p:style>
          <a:lnRef idx="1">
            <a:schemeClr val="accent3"/>
          </a:lnRef>
          <a:fillRef idx="3">
            <a:schemeClr val="accent3"/>
          </a:fillRef>
          <a:effectRef idx="2">
            <a:schemeClr val="accent3"/>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163908129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 name="object 3"/>
          <p:cNvGrpSpPr/>
          <p:nvPr/>
        </p:nvGrpSpPr>
        <p:grpSpPr>
          <a:xfrm>
            <a:off x="0" y="0"/>
            <a:ext cx="707390" cy="6858000"/>
            <a:chOff x="0" y="0"/>
            <a:chExt cx="707390" cy="6858000"/>
          </a:xfrm>
          <a:solidFill>
            <a:schemeClr val="bg2"/>
          </a:solidFill>
        </p:grpSpPr>
        <p:sp>
          <p:nvSpPr>
            <p:cNvPr id="4" name="object 4"/>
            <p:cNvSpPr/>
            <p:nvPr/>
          </p:nvSpPr>
          <p:spPr>
            <a:xfrm>
              <a:off x="0" y="0"/>
              <a:ext cx="478790" cy="6858000"/>
            </a:xfrm>
            <a:custGeom>
              <a:avLst/>
              <a:gdLst/>
              <a:ahLst/>
              <a:cxnLst/>
              <a:rect l="l" t="t" r="r" b="b"/>
              <a:pathLst>
                <a:path w="478790" h="6858000">
                  <a:moveTo>
                    <a:pt x="0" y="6858000"/>
                  </a:moveTo>
                  <a:lnTo>
                    <a:pt x="478536" y="6858000"/>
                  </a:lnTo>
                  <a:lnTo>
                    <a:pt x="478536" y="0"/>
                  </a:lnTo>
                  <a:lnTo>
                    <a:pt x="0" y="0"/>
                  </a:lnTo>
                  <a:lnTo>
                    <a:pt x="0" y="6858000"/>
                  </a:lnTo>
                  <a:close/>
                </a:path>
              </a:pathLst>
            </a:custGeom>
            <a:grpFill/>
            <a:ln>
              <a:solidFill>
                <a:schemeClr val="accent1"/>
              </a:solidFill>
            </a:ln>
          </p:spPr>
          <p:txBody>
            <a:bodyPr wrap="square" lIns="0" tIns="0" rIns="0" bIns="0" rtlCol="0"/>
            <a:lstStyle/>
            <a:p>
              <a:endParaRPr/>
            </a:p>
          </p:txBody>
        </p:sp>
        <p:sp>
          <p:nvSpPr>
            <p:cNvPr id="5" name="object 5"/>
            <p:cNvSpPr/>
            <p:nvPr/>
          </p:nvSpPr>
          <p:spPr>
            <a:xfrm>
              <a:off x="478536" y="0"/>
              <a:ext cx="228600" cy="6858000"/>
            </a:xfrm>
            <a:custGeom>
              <a:avLst/>
              <a:gdLst/>
              <a:ahLst/>
              <a:cxnLst/>
              <a:rect l="l" t="t" r="r" b="b"/>
              <a:pathLst>
                <a:path w="228600" h="6858000">
                  <a:moveTo>
                    <a:pt x="228600" y="0"/>
                  </a:moveTo>
                  <a:lnTo>
                    <a:pt x="0" y="0"/>
                  </a:lnTo>
                  <a:lnTo>
                    <a:pt x="0" y="6858000"/>
                  </a:lnTo>
                  <a:lnTo>
                    <a:pt x="228600" y="6858000"/>
                  </a:lnTo>
                  <a:lnTo>
                    <a:pt x="228600" y="0"/>
                  </a:lnTo>
                  <a:close/>
                </a:path>
              </a:pathLst>
            </a:custGeom>
            <a:solidFill>
              <a:schemeClr val="tx2">
                <a:lumMod val="10000"/>
                <a:lumOff val="90000"/>
              </a:schemeClr>
            </a:solidFill>
            <a:ln>
              <a:solidFill>
                <a:schemeClr val="accent1"/>
              </a:solidFill>
            </a:ln>
          </p:spPr>
          <p:txBody>
            <a:bodyPr wrap="square" lIns="0" tIns="0" rIns="0" bIns="0" rtlCol="0"/>
            <a:lstStyle/>
            <a:p>
              <a:endParaRPr/>
            </a:p>
          </p:txBody>
        </p:sp>
      </p:grpSp>
      <p:pic>
        <p:nvPicPr>
          <p:cNvPr id="2" name="Graphic 1">
            <a:extLst>
              <a:ext uri="{FF2B5EF4-FFF2-40B4-BE49-F238E27FC236}">
                <a16:creationId xmlns:a16="http://schemas.microsoft.com/office/drawing/2014/main" id="{1171145E-4D8F-72DF-F97E-1750F3037B1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45142" y="548624"/>
            <a:ext cx="462858" cy="450000"/>
          </a:xfrm>
          <a:prstGeom prst="rect">
            <a:avLst/>
          </a:prstGeom>
        </p:spPr>
      </p:pic>
      <p:sp>
        <p:nvSpPr>
          <p:cNvPr id="15" name="TextBox 14">
            <a:extLst>
              <a:ext uri="{FF2B5EF4-FFF2-40B4-BE49-F238E27FC236}">
                <a16:creationId xmlns:a16="http://schemas.microsoft.com/office/drawing/2014/main" id="{636D1A20-E34A-973D-0FDE-8EAC0874487D}"/>
              </a:ext>
            </a:extLst>
          </p:cNvPr>
          <p:cNvSpPr txBox="1"/>
          <p:nvPr/>
        </p:nvSpPr>
        <p:spPr>
          <a:xfrm>
            <a:off x="6373415" y="1171708"/>
            <a:ext cx="4198803" cy="523220"/>
          </a:xfrm>
          <a:prstGeom prst="rect">
            <a:avLst/>
          </a:prstGeom>
          <a:noFill/>
        </p:spPr>
        <p:txBody>
          <a:bodyPr wrap="square" rtlCol="0">
            <a:spAutoFit/>
          </a:bodyPr>
          <a:lstStyle/>
          <a:p>
            <a:r>
              <a:rPr lang="en-US" sz="2800" b="1" dirty="0">
                <a:solidFill>
                  <a:schemeClr val="bg1"/>
                </a:solidFill>
                <a:latin typeface="Tahoma" panose="020B0604030504040204" pitchFamily="34" charset="0"/>
                <a:ea typeface="Tahoma" panose="020B0604030504040204" pitchFamily="34" charset="0"/>
                <a:cs typeface="Tahoma" panose="020B0604030504040204" pitchFamily="34" charset="0"/>
              </a:rPr>
              <a:t>Import</a:t>
            </a:r>
          </a:p>
        </p:txBody>
      </p:sp>
      <p:sp>
        <p:nvSpPr>
          <p:cNvPr id="21" name="object 6">
            <a:extLst>
              <a:ext uri="{FF2B5EF4-FFF2-40B4-BE49-F238E27FC236}">
                <a16:creationId xmlns:a16="http://schemas.microsoft.com/office/drawing/2014/main" id="{C978405B-5C15-BA00-6C08-5C16DD584B5A}"/>
              </a:ext>
            </a:extLst>
          </p:cNvPr>
          <p:cNvSpPr txBox="1">
            <a:spLocks noGrp="1"/>
          </p:cNvSpPr>
          <p:nvPr>
            <p:ph type="title"/>
          </p:nvPr>
        </p:nvSpPr>
        <p:spPr>
          <a:xfrm>
            <a:off x="1450339" y="627380"/>
            <a:ext cx="6566610" cy="690574"/>
          </a:xfrm>
          <a:prstGeom prst="rect">
            <a:avLst/>
          </a:prstGeom>
        </p:spPr>
        <p:txBody>
          <a:bodyPr vert="horz" wrap="square" lIns="0" tIns="13335" rIns="0" bIns="0" rtlCol="0">
            <a:spAutoFit/>
          </a:bodyPr>
          <a:lstStyle/>
          <a:p>
            <a:pPr marL="12700">
              <a:lnSpc>
                <a:spcPct val="100000"/>
              </a:lnSpc>
              <a:spcBef>
                <a:spcPts val="105"/>
              </a:spcBef>
            </a:pPr>
            <a:r>
              <a:rPr lang="en-GB" sz="4400" spc="-110" dirty="0">
                <a:solidFill>
                  <a:schemeClr val="bg2"/>
                </a:solidFill>
              </a:rPr>
              <a:t>Direct Query</a:t>
            </a:r>
            <a:endParaRPr sz="4400" spc="-110" dirty="0">
              <a:solidFill>
                <a:schemeClr val="bg2"/>
              </a:solidFill>
            </a:endParaRPr>
          </a:p>
        </p:txBody>
      </p:sp>
      <p:sp>
        <p:nvSpPr>
          <p:cNvPr id="7" name="Text Placeholder 3">
            <a:extLst>
              <a:ext uri="{FF2B5EF4-FFF2-40B4-BE49-F238E27FC236}">
                <a16:creationId xmlns:a16="http://schemas.microsoft.com/office/drawing/2014/main" id="{5A493CE9-7E06-2A0A-C49B-10DA69D21FCE}"/>
              </a:ext>
            </a:extLst>
          </p:cNvPr>
          <p:cNvSpPr txBox="1">
            <a:spLocks/>
          </p:cNvSpPr>
          <p:nvPr/>
        </p:nvSpPr>
        <p:spPr>
          <a:xfrm>
            <a:off x="1556806" y="3094199"/>
            <a:ext cx="9890943" cy="2795232"/>
          </a:xfrm>
          <a:prstGeom prst="rect">
            <a:avLst/>
          </a:prstGeom>
        </p:spPr>
        <p:txBody>
          <a:bodyPr vert="horz" lIns="0" tIns="0" rIns="0" bIns="0" rtlCol="0" anchor="b">
            <a:noAutofit/>
          </a:bodyPr>
          <a:lstStyle>
            <a:lvl1pPr marL="0" indent="0" algn="l" defTabSz="914400" rtl="0" eaLnBrk="1" latinLnBrk="0" hangingPunct="1">
              <a:lnSpc>
                <a:spcPct val="90000"/>
              </a:lnSpc>
              <a:spcBef>
                <a:spcPts val="1000"/>
              </a:spcBef>
              <a:buFont typeface="Arial" panose="020B0604020202020204" pitchFamily="34" charset="0"/>
              <a:buNone/>
              <a:defRPr sz="1600" b="0" i="0" kern="1200">
                <a:solidFill>
                  <a:schemeClr val="tx2"/>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4000" b="0" i="0" kern="1200">
                <a:solidFill>
                  <a:schemeClr val="bg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4000" b="0" i="0" kern="1200">
                <a:solidFill>
                  <a:schemeClr val="bg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4000" b="0" i="0" kern="1200">
                <a:solidFill>
                  <a:schemeClr val="bg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4000" b="0" i="0" kern="1200">
                <a:solidFill>
                  <a:schemeClr val="bg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buFont typeface="Arial" panose="020B0604020202020204" pitchFamily="34" charset="0"/>
              <a:buChar char="•"/>
            </a:pPr>
            <a:r>
              <a:rPr lang="en-US" sz="1800" b="1" dirty="0">
                <a:solidFill>
                  <a:schemeClr val="tx1"/>
                </a:solidFill>
                <a:latin typeface="Tahoma" panose="020B0604030504040204" pitchFamily="34" charset="0"/>
                <a:ea typeface="Tahoma" panose="020B0604030504040204" pitchFamily="34" charset="0"/>
                <a:cs typeface="Tahoma" panose="020B0604030504040204" pitchFamily="34" charset="0"/>
              </a:rPr>
              <a:t> Direct Query</a:t>
            </a:r>
            <a:r>
              <a:rPr lang="en-US" sz="1800" dirty="0">
                <a:solidFill>
                  <a:schemeClr val="tx1"/>
                </a:solidFill>
                <a:latin typeface="Tahoma" panose="020B0604030504040204" pitchFamily="34" charset="0"/>
                <a:ea typeface="Tahoma" panose="020B0604030504040204" pitchFamily="34" charset="0"/>
                <a:cs typeface="Tahoma" panose="020B0604030504040204" pitchFamily="34" charset="0"/>
              </a:rPr>
              <a:t> mode does not load data into Power BI’s in-memory model. Instead, it queries the underlying data source in real-time for each interaction in the report. The data remains in the source database, and Power BI sends queries to retrieve only the necessary data.</a:t>
            </a:r>
          </a:p>
          <a:p>
            <a:r>
              <a:rPr lang="en-US" sz="1800" b="1" dirty="0">
                <a:solidFill>
                  <a:schemeClr val="tx1"/>
                </a:solidFill>
                <a:latin typeface="Tahoma" panose="020B0604030504040204" pitchFamily="34" charset="0"/>
                <a:ea typeface="Tahoma" panose="020B0604030504040204" pitchFamily="34" charset="0"/>
                <a:cs typeface="Tahoma" panose="020B0604030504040204" pitchFamily="34" charset="0"/>
              </a:rPr>
              <a:t>Key Features</a:t>
            </a:r>
            <a:r>
              <a:rPr lang="en-US" sz="1800" dirty="0">
                <a:solidFill>
                  <a:schemeClr val="tx1"/>
                </a:solidFill>
                <a:latin typeface="Tahoma" panose="020B0604030504040204" pitchFamily="34" charset="0"/>
                <a:ea typeface="Tahoma" panose="020B0604030504040204" pitchFamily="34" charset="0"/>
                <a:cs typeface="Tahoma" panose="020B0604030504040204" pitchFamily="34" charset="0"/>
              </a:rPr>
              <a:t>:</a:t>
            </a:r>
          </a:p>
          <a:p>
            <a:pPr>
              <a:buFont typeface="Arial" panose="020B0604020202020204" pitchFamily="34" charset="0"/>
              <a:buChar char="•"/>
            </a:pPr>
            <a:r>
              <a:rPr lang="en-US" sz="1800" b="1" dirty="0">
                <a:solidFill>
                  <a:schemeClr val="tx1"/>
                </a:solidFill>
                <a:latin typeface="Tahoma" panose="020B0604030504040204" pitchFamily="34" charset="0"/>
                <a:ea typeface="Tahoma" panose="020B0604030504040204" pitchFamily="34" charset="0"/>
                <a:cs typeface="Tahoma" panose="020B0604030504040204" pitchFamily="34" charset="0"/>
              </a:rPr>
              <a:t> Real-Time Data</a:t>
            </a:r>
            <a:r>
              <a:rPr lang="en-US" sz="1800" dirty="0">
                <a:solidFill>
                  <a:schemeClr val="tx1"/>
                </a:solidFill>
                <a:latin typeface="Tahoma" panose="020B0604030504040204" pitchFamily="34" charset="0"/>
                <a:ea typeface="Tahoma" panose="020B0604030504040204" pitchFamily="34" charset="0"/>
                <a:cs typeface="Tahoma" panose="020B0604030504040204" pitchFamily="34" charset="0"/>
              </a:rPr>
              <a:t>: Data is always current.</a:t>
            </a:r>
          </a:p>
          <a:p>
            <a:pPr>
              <a:buFont typeface="Arial" panose="020B0604020202020204" pitchFamily="34" charset="0"/>
              <a:buChar char="•"/>
            </a:pPr>
            <a:r>
              <a:rPr lang="en-US" sz="1800" b="1" dirty="0">
                <a:solidFill>
                  <a:schemeClr val="tx1"/>
                </a:solidFill>
                <a:latin typeface="Tahoma" panose="020B0604030504040204" pitchFamily="34" charset="0"/>
                <a:ea typeface="Tahoma" panose="020B0604030504040204" pitchFamily="34" charset="0"/>
                <a:cs typeface="Tahoma" panose="020B0604030504040204" pitchFamily="34" charset="0"/>
              </a:rPr>
              <a:t> Data Source Dependency</a:t>
            </a:r>
            <a:r>
              <a:rPr lang="en-US" sz="1800" dirty="0">
                <a:solidFill>
                  <a:schemeClr val="tx1"/>
                </a:solidFill>
                <a:latin typeface="Tahoma" panose="020B0604030504040204" pitchFamily="34" charset="0"/>
                <a:ea typeface="Tahoma" panose="020B0604030504040204" pitchFamily="34" charset="0"/>
                <a:cs typeface="Tahoma" panose="020B0604030504040204" pitchFamily="34" charset="0"/>
              </a:rPr>
              <a:t>: Since queries are executed live against the data source, the performance and responsiveness of the report depend on the speed of the underlying database and network latency.</a:t>
            </a:r>
          </a:p>
          <a:p>
            <a:pPr>
              <a:buFont typeface="Arial" panose="020B0604020202020204" pitchFamily="34" charset="0"/>
              <a:buChar char="•"/>
            </a:pPr>
            <a:r>
              <a:rPr lang="en-US" sz="1800" b="1" dirty="0">
                <a:solidFill>
                  <a:schemeClr val="tx1"/>
                </a:solidFill>
                <a:latin typeface="Tahoma" panose="020B0604030504040204" pitchFamily="34" charset="0"/>
                <a:ea typeface="Tahoma" panose="020B0604030504040204" pitchFamily="34" charset="0"/>
                <a:cs typeface="Tahoma" panose="020B0604030504040204" pitchFamily="34" charset="0"/>
              </a:rPr>
              <a:t> Data Limits</a:t>
            </a:r>
            <a:r>
              <a:rPr lang="en-US" sz="1800" dirty="0">
                <a:solidFill>
                  <a:schemeClr val="tx1"/>
                </a:solidFill>
                <a:latin typeface="Tahoma" panose="020B0604030504040204" pitchFamily="34" charset="0"/>
                <a:ea typeface="Tahoma" panose="020B0604030504040204" pitchFamily="34" charset="0"/>
                <a:cs typeface="Tahoma" panose="020B0604030504040204" pitchFamily="34" charset="0"/>
              </a:rPr>
              <a:t>: There’s no file size limitation related to data storage in Power BI because the data is not stored in the .</a:t>
            </a:r>
            <a:r>
              <a:rPr lang="en-US" sz="1800" dirty="0" err="1">
                <a:solidFill>
                  <a:schemeClr val="tx1"/>
                </a:solidFill>
                <a:latin typeface="Tahoma" panose="020B0604030504040204" pitchFamily="34" charset="0"/>
                <a:ea typeface="Tahoma" panose="020B0604030504040204" pitchFamily="34" charset="0"/>
                <a:cs typeface="Tahoma" panose="020B0604030504040204" pitchFamily="34" charset="0"/>
              </a:rPr>
              <a:t>pbix</a:t>
            </a:r>
            <a:r>
              <a:rPr lang="en-US" sz="1800" dirty="0">
                <a:solidFill>
                  <a:schemeClr val="tx1"/>
                </a:solidFill>
                <a:latin typeface="Tahoma" panose="020B0604030504040204" pitchFamily="34" charset="0"/>
                <a:ea typeface="Tahoma" panose="020B0604030504040204" pitchFamily="34" charset="0"/>
                <a:cs typeface="Tahoma" panose="020B0604030504040204" pitchFamily="34" charset="0"/>
              </a:rPr>
              <a:t> file. </a:t>
            </a:r>
          </a:p>
          <a:p>
            <a:pPr>
              <a:buFont typeface="Arial" panose="020B0604020202020204" pitchFamily="34" charset="0"/>
              <a:buChar char="•"/>
            </a:pPr>
            <a:r>
              <a:rPr lang="en-US" sz="1800" b="1" dirty="0">
                <a:solidFill>
                  <a:schemeClr val="tx1"/>
                </a:solidFill>
                <a:latin typeface="Tahoma" panose="020B0604030504040204" pitchFamily="34" charset="0"/>
                <a:ea typeface="Tahoma" panose="020B0604030504040204" pitchFamily="34" charset="0"/>
                <a:cs typeface="Tahoma" panose="020B0604030504040204" pitchFamily="34" charset="0"/>
              </a:rPr>
              <a:t> Limited DAX Support</a:t>
            </a:r>
            <a:r>
              <a:rPr lang="en-US" sz="1800" dirty="0">
                <a:solidFill>
                  <a:schemeClr val="tx1"/>
                </a:solidFill>
                <a:latin typeface="Tahoma" panose="020B0604030504040204" pitchFamily="34" charset="0"/>
                <a:ea typeface="Tahoma" panose="020B0604030504040204" pitchFamily="34" charset="0"/>
                <a:cs typeface="Tahoma" panose="020B0604030504040204" pitchFamily="34" charset="0"/>
              </a:rPr>
              <a:t>: Some DAX functions are not available or behave differently in </a:t>
            </a:r>
            <a:r>
              <a:rPr lang="en-US" sz="1800" dirty="0" err="1">
                <a:solidFill>
                  <a:schemeClr val="tx1"/>
                </a:solidFill>
                <a:latin typeface="Tahoma" panose="020B0604030504040204" pitchFamily="34" charset="0"/>
                <a:ea typeface="Tahoma" panose="020B0604030504040204" pitchFamily="34" charset="0"/>
                <a:cs typeface="Tahoma" panose="020B0604030504040204" pitchFamily="34" charset="0"/>
              </a:rPr>
              <a:t>DirectQuery</a:t>
            </a:r>
            <a:r>
              <a:rPr lang="en-US" sz="1800" dirty="0">
                <a:solidFill>
                  <a:schemeClr val="tx1"/>
                </a:solidFill>
                <a:latin typeface="Tahoma" panose="020B0604030504040204" pitchFamily="34" charset="0"/>
                <a:ea typeface="Tahoma" panose="020B0604030504040204" pitchFamily="34" charset="0"/>
                <a:cs typeface="Tahoma" panose="020B0604030504040204" pitchFamily="34" charset="0"/>
              </a:rPr>
              <a:t> mode because they would require processing large amounts of data in memory.</a:t>
            </a:r>
          </a:p>
          <a:p>
            <a:pPr>
              <a:buFont typeface="Arial" panose="020B0604020202020204" pitchFamily="34" charset="0"/>
              <a:buChar char="•"/>
            </a:pPr>
            <a:r>
              <a:rPr lang="en-US" sz="1800" b="1" dirty="0">
                <a:solidFill>
                  <a:schemeClr val="tx1"/>
                </a:solidFill>
                <a:latin typeface="Tahoma" panose="020B0604030504040204" pitchFamily="34" charset="0"/>
                <a:ea typeface="Tahoma" panose="020B0604030504040204" pitchFamily="34" charset="0"/>
                <a:cs typeface="Tahoma" panose="020B0604030504040204" pitchFamily="34" charset="0"/>
              </a:rPr>
              <a:t> Security and Governance</a:t>
            </a:r>
            <a:r>
              <a:rPr lang="en-US" sz="1800" dirty="0">
                <a:solidFill>
                  <a:schemeClr val="tx1"/>
                </a:solidFill>
                <a:latin typeface="Tahoma" panose="020B0604030504040204" pitchFamily="34" charset="0"/>
                <a:ea typeface="Tahoma" panose="020B0604030504040204" pitchFamily="34" charset="0"/>
                <a:cs typeface="Tahoma" panose="020B0604030504040204" pitchFamily="34" charset="0"/>
              </a:rPr>
              <a:t>: Data security and governance are maintained in the underlying data source, which can be a significant advantage for sensitive or regulated data.</a:t>
            </a:r>
          </a:p>
        </p:txBody>
      </p:sp>
      <p:sp>
        <p:nvSpPr>
          <p:cNvPr id="8" name="Rectangle 7">
            <a:extLst>
              <a:ext uri="{FF2B5EF4-FFF2-40B4-BE49-F238E27FC236}">
                <a16:creationId xmlns:a16="http://schemas.microsoft.com/office/drawing/2014/main" id="{98178C2C-7A7B-D59C-55FD-E9E503A8082B}"/>
              </a:ext>
            </a:extLst>
          </p:cNvPr>
          <p:cNvSpPr/>
          <p:nvPr/>
        </p:nvSpPr>
        <p:spPr>
          <a:xfrm>
            <a:off x="1450339" y="1317954"/>
            <a:ext cx="8671856" cy="45719"/>
          </a:xfrm>
          <a:prstGeom prst="rect">
            <a:avLst/>
          </a:prstGeom>
          <a:ln>
            <a:noFill/>
          </a:ln>
        </p:spPr>
        <p:style>
          <a:lnRef idx="1">
            <a:schemeClr val="accent3"/>
          </a:lnRef>
          <a:fillRef idx="3">
            <a:schemeClr val="accent3"/>
          </a:fillRef>
          <a:effectRef idx="2">
            <a:schemeClr val="accent3"/>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36256391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 name="object 3"/>
          <p:cNvGrpSpPr/>
          <p:nvPr/>
        </p:nvGrpSpPr>
        <p:grpSpPr>
          <a:xfrm>
            <a:off x="0" y="0"/>
            <a:ext cx="707390" cy="6858000"/>
            <a:chOff x="0" y="0"/>
            <a:chExt cx="707390" cy="6858000"/>
          </a:xfrm>
          <a:solidFill>
            <a:schemeClr val="bg2"/>
          </a:solidFill>
        </p:grpSpPr>
        <p:sp>
          <p:nvSpPr>
            <p:cNvPr id="4" name="object 4"/>
            <p:cNvSpPr/>
            <p:nvPr/>
          </p:nvSpPr>
          <p:spPr>
            <a:xfrm>
              <a:off x="0" y="0"/>
              <a:ext cx="478790" cy="6858000"/>
            </a:xfrm>
            <a:custGeom>
              <a:avLst/>
              <a:gdLst/>
              <a:ahLst/>
              <a:cxnLst/>
              <a:rect l="l" t="t" r="r" b="b"/>
              <a:pathLst>
                <a:path w="478790" h="6858000">
                  <a:moveTo>
                    <a:pt x="0" y="6858000"/>
                  </a:moveTo>
                  <a:lnTo>
                    <a:pt x="478536" y="6858000"/>
                  </a:lnTo>
                  <a:lnTo>
                    <a:pt x="478536" y="0"/>
                  </a:lnTo>
                  <a:lnTo>
                    <a:pt x="0" y="0"/>
                  </a:lnTo>
                  <a:lnTo>
                    <a:pt x="0" y="6858000"/>
                  </a:lnTo>
                  <a:close/>
                </a:path>
              </a:pathLst>
            </a:custGeom>
            <a:grpFill/>
            <a:ln>
              <a:solidFill>
                <a:schemeClr val="accent1"/>
              </a:solidFill>
            </a:ln>
          </p:spPr>
          <p:txBody>
            <a:bodyPr wrap="square" lIns="0" tIns="0" rIns="0" bIns="0" rtlCol="0"/>
            <a:lstStyle/>
            <a:p>
              <a:endParaRPr/>
            </a:p>
          </p:txBody>
        </p:sp>
        <p:sp>
          <p:nvSpPr>
            <p:cNvPr id="5" name="object 5"/>
            <p:cNvSpPr/>
            <p:nvPr/>
          </p:nvSpPr>
          <p:spPr>
            <a:xfrm>
              <a:off x="478536" y="0"/>
              <a:ext cx="228600" cy="6858000"/>
            </a:xfrm>
            <a:custGeom>
              <a:avLst/>
              <a:gdLst/>
              <a:ahLst/>
              <a:cxnLst/>
              <a:rect l="l" t="t" r="r" b="b"/>
              <a:pathLst>
                <a:path w="228600" h="6858000">
                  <a:moveTo>
                    <a:pt x="228600" y="0"/>
                  </a:moveTo>
                  <a:lnTo>
                    <a:pt x="0" y="0"/>
                  </a:lnTo>
                  <a:lnTo>
                    <a:pt x="0" y="6858000"/>
                  </a:lnTo>
                  <a:lnTo>
                    <a:pt x="228600" y="6858000"/>
                  </a:lnTo>
                  <a:lnTo>
                    <a:pt x="228600" y="0"/>
                  </a:lnTo>
                  <a:close/>
                </a:path>
              </a:pathLst>
            </a:custGeom>
            <a:solidFill>
              <a:schemeClr val="tx2">
                <a:lumMod val="10000"/>
                <a:lumOff val="90000"/>
              </a:schemeClr>
            </a:solidFill>
            <a:ln>
              <a:solidFill>
                <a:schemeClr val="accent1"/>
              </a:solidFill>
            </a:ln>
          </p:spPr>
          <p:txBody>
            <a:bodyPr wrap="square" lIns="0" tIns="0" rIns="0" bIns="0" rtlCol="0"/>
            <a:lstStyle/>
            <a:p>
              <a:endParaRPr/>
            </a:p>
          </p:txBody>
        </p:sp>
      </p:grpSp>
      <p:sp>
        <p:nvSpPr>
          <p:cNvPr id="6" name="object 6"/>
          <p:cNvSpPr txBox="1">
            <a:spLocks noGrp="1"/>
          </p:cNvSpPr>
          <p:nvPr>
            <p:ph type="title"/>
          </p:nvPr>
        </p:nvSpPr>
        <p:spPr>
          <a:xfrm>
            <a:off x="1450339" y="627380"/>
            <a:ext cx="4244975" cy="696595"/>
          </a:xfrm>
          <a:prstGeom prst="rect">
            <a:avLst/>
          </a:prstGeom>
        </p:spPr>
        <p:txBody>
          <a:bodyPr vert="horz" wrap="square" lIns="0" tIns="13335" rIns="0" bIns="0" rtlCol="0">
            <a:spAutoFit/>
          </a:bodyPr>
          <a:lstStyle/>
          <a:p>
            <a:pPr marL="12700">
              <a:lnSpc>
                <a:spcPct val="100000"/>
              </a:lnSpc>
              <a:spcBef>
                <a:spcPts val="105"/>
              </a:spcBef>
            </a:pPr>
            <a:r>
              <a:rPr sz="4400" spc="-110" dirty="0">
                <a:solidFill>
                  <a:schemeClr val="bg2"/>
                </a:solidFill>
              </a:rPr>
              <a:t>What</a:t>
            </a:r>
            <a:r>
              <a:rPr sz="4400" spc="-35" dirty="0">
                <a:solidFill>
                  <a:schemeClr val="bg2"/>
                </a:solidFill>
              </a:rPr>
              <a:t> </a:t>
            </a:r>
            <a:r>
              <a:rPr sz="4400" spc="-15" dirty="0">
                <a:solidFill>
                  <a:schemeClr val="bg2"/>
                </a:solidFill>
              </a:rPr>
              <a:t>is</a:t>
            </a:r>
            <a:r>
              <a:rPr sz="4400" spc="-25" dirty="0">
                <a:solidFill>
                  <a:schemeClr val="bg2"/>
                </a:solidFill>
              </a:rPr>
              <a:t> </a:t>
            </a:r>
            <a:r>
              <a:rPr lang="en-GB" sz="4400" spc="-114" dirty="0">
                <a:solidFill>
                  <a:schemeClr val="bg2"/>
                </a:solidFill>
              </a:rPr>
              <a:t>Dataflow?</a:t>
            </a:r>
            <a:endParaRPr sz="4400" dirty="0">
              <a:solidFill>
                <a:schemeClr val="bg2"/>
              </a:solidFill>
            </a:endParaRPr>
          </a:p>
        </p:txBody>
      </p:sp>
      <p:pic>
        <p:nvPicPr>
          <p:cNvPr id="2" name="Graphic 1">
            <a:extLst>
              <a:ext uri="{FF2B5EF4-FFF2-40B4-BE49-F238E27FC236}">
                <a16:creationId xmlns:a16="http://schemas.microsoft.com/office/drawing/2014/main" id="{1171145E-4D8F-72DF-F97E-1750F3037B1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45142" y="548624"/>
            <a:ext cx="462858" cy="450000"/>
          </a:xfrm>
          <a:prstGeom prst="rect">
            <a:avLst/>
          </a:prstGeom>
        </p:spPr>
      </p:pic>
      <p:sp>
        <p:nvSpPr>
          <p:cNvPr id="23" name="TextBox 22">
            <a:extLst>
              <a:ext uri="{FF2B5EF4-FFF2-40B4-BE49-F238E27FC236}">
                <a16:creationId xmlns:a16="http://schemas.microsoft.com/office/drawing/2014/main" id="{2013473F-39E1-3313-57D2-2F6F8082C585}"/>
              </a:ext>
            </a:extLst>
          </p:cNvPr>
          <p:cNvSpPr txBox="1"/>
          <p:nvPr/>
        </p:nvSpPr>
        <p:spPr>
          <a:xfrm>
            <a:off x="1185672" y="1834990"/>
            <a:ext cx="10004280" cy="2677656"/>
          </a:xfrm>
          <a:prstGeom prst="rect">
            <a:avLst/>
          </a:prstGeom>
          <a:noFill/>
        </p:spPr>
        <p:txBody>
          <a:bodyPr wrap="square">
            <a:spAutoFit/>
          </a:bodyPr>
          <a:lstStyle/>
          <a:p>
            <a:r>
              <a:rPr lang="en-GB" sz="2400" b="0" i="0" dirty="0">
                <a:effectLst/>
                <a:latin typeface="Segoe UI Historic" panose="020B0502040204020203" pitchFamily="34" charset="0"/>
              </a:rPr>
              <a:t>Dataflows are a self-service data preparation tool in Power BI that allows users to extract, transform, and load (ETL) data from various sources. </a:t>
            </a:r>
          </a:p>
          <a:p>
            <a:endParaRPr lang="en-GB" sz="2400" dirty="0">
              <a:latin typeface="Segoe UI Historic" panose="020B0502040204020203" pitchFamily="34" charset="0"/>
            </a:endParaRPr>
          </a:p>
          <a:p>
            <a:r>
              <a:rPr lang="en-GB" sz="2400" b="0" i="0" dirty="0">
                <a:effectLst/>
                <a:latin typeface="Segoe UI Historic" panose="020B0502040204020203" pitchFamily="34" charset="0"/>
              </a:rPr>
              <a:t>• They enable creating reusable data models in Power BI by storing data in a centralized manner</a:t>
            </a:r>
            <a:r>
              <a:rPr lang="en-GB" sz="2400" dirty="0">
                <a:latin typeface="Segoe UI Historic" panose="020B0502040204020203" pitchFamily="34" charset="0"/>
              </a:rPr>
              <a:t> (</a:t>
            </a:r>
            <a:r>
              <a:rPr lang="en-GB" sz="2400" b="0" i="0" dirty="0">
                <a:effectLst/>
                <a:latin typeface="Segoe UI Historic" panose="020B0502040204020203" pitchFamily="34" charset="0"/>
              </a:rPr>
              <a:t>Centralize data transformation).</a:t>
            </a:r>
          </a:p>
          <a:p>
            <a:endParaRPr lang="en-GB" sz="2400" b="0" i="0" dirty="0">
              <a:effectLst/>
              <a:latin typeface="Segoe UI Historic" panose="020B0502040204020203" pitchFamily="34" charset="0"/>
            </a:endParaRPr>
          </a:p>
          <a:p>
            <a:pPr marL="342900" indent="-342900">
              <a:buFont typeface="Arial" panose="020B0604020202020204" pitchFamily="34" charset="0"/>
              <a:buChar char="•"/>
            </a:pPr>
            <a:r>
              <a:rPr lang="en-GB" sz="2400" b="0" i="0" dirty="0">
                <a:effectLst/>
                <a:latin typeface="Segoe UI Historic" panose="020B0502040204020203" pitchFamily="34" charset="0"/>
              </a:rPr>
              <a:t>Improve data reusability and consistency across reports.</a:t>
            </a:r>
            <a:endParaRPr lang="en-GB" sz="2400" dirty="0"/>
          </a:p>
        </p:txBody>
      </p:sp>
      <p:sp>
        <p:nvSpPr>
          <p:cNvPr id="29" name="Rectangle 28">
            <a:extLst>
              <a:ext uri="{FF2B5EF4-FFF2-40B4-BE49-F238E27FC236}">
                <a16:creationId xmlns:a16="http://schemas.microsoft.com/office/drawing/2014/main" id="{AB4B50D8-796E-CDC0-99D1-0D8B70E9043B}"/>
              </a:ext>
            </a:extLst>
          </p:cNvPr>
          <p:cNvSpPr/>
          <p:nvPr/>
        </p:nvSpPr>
        <p:spPr>
          <a:xfrm>
            <a:off x="1450339" y="1317954"/>
            <a:ext cx="8671856" cy="45719"/>
          </a:xfrm>
          <a:prstGeom prst="rect">
            <a:avLst/>
          </a:prstGeom>
          <a:ln>
            <a:noFill/>
          </a:ln>
        </p:spPr>
        <p:style>
          <a:lnRef idx="1">
            <a:schemeClr val="accent3"/>
          </a:lnRef>
          <a:fillRef idx="3">
            <a:schemeClr val="accent3"/>
          </a:fillRef>
          <a:effectRef idx="2">
            <a:schemeClr val="accent3"/>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274191427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 name="object 3"/>
          <p:cNvGrpSpPr/>
          <p:nvPr/>
        </p:nvGrpSpPr>
        <p:grpSpPr>
          <a:xfrm>
            <a:off x="0" y="0"/>
            <a:ext cx="707390" cy="6858000"/>
            <a:chOff x="0" y="0"/>
            <a:chExt cx="707390" cy="6858000"/>
          </a:xfrm>
          <a:solidFill>
            <a:schemeClr val="bg2"/>
          </a:solidFill>
        </p:grpSpPr>
        <p:sp>
          <p:nvSpPr>
            <p:cNvPr id="4" name="object 4"/>
            <p:cNvSpPr/>
            <p:nvPr/>
          </p:nvSpPr>
          <p:spPr>
            <a:xfrm>
              <a:off x="0" y="0"/>
              <a:ext cx="478790" cy="6858000"/>
            </a:xfrm>
            <a:custGeom>
              <a:avLst/>
              <a:gdLst/>
              <a:ahLst/>
              <a:cxnLst/>
              <a:rect l="l" t="t" r="r" b="b"/>
              <a:pathLst>
                <a:path w="478790" h="6858000">
                  <a:moveTo>
                    <a:pt x="0" y="6858000"/>
                  </a:moveTo>
                  <a:lnTo>
                    <a:pt x="478536" y="6858000"/>
                  </a:lnTo>
                  <a:lnTo>
                    <a:pt x="478536" y="0"/>
                  </a:lnTo>
                  <a:lnTo>
                    <a:pt x="0" y="0"/>
                  </a:lnTo>
                  <a:lnTo>
                    <a:pt x="0" y="6858000"/>
                  </a:lnTo>
                  <a:close/>
                </a:path>
              </a:pathLst>
            </a:custGeom>
            <a:grpFill/>
            <a:ln>
              <a:solidFill>
                <a:schemeClr val="accent1"/>
              </a:solidFill>
            </a:ln>
          </p:spPr>
          <p:txBody>
            <a:bodyPr wrap="square" lIns="0" tIns="0" rIns="0" bIns="0" rtlCol="0"/>
            <a:lstStyle/>
            <a:p>
              <a:endParaRPr/>
            </a:p>
          </p:txBody>
        </p:sp>
        <p:sp>
          <p:nvSpPr>
            <p:cNvPr id="5" name="object 5"/>
            <p:cNvSpPr/>
            <p:nvPr/>
          </p:nvSpPr>
          <p:spPr>
            <a:xfrm>
              <a:off x="478536" y="0"/>
              <a:ext cx="228600" cy="6858000"/>
            </a:xfrm>
            <a:custGeom>
              <a:avLst/>
              <a:gdLst/>
              <a:ahLst/>
              <a:cxnLst/>
              <a:rect l="l" t="t" r="r" b="b"/>
              <a:pathLst>
                <a:path w="228600" h="6858000">
                  <a:moveTo>
                    <a:pt x="228600" y="0"/>
                  </a:moveTo>
                  <a:lnTo>
                    <a:pt x="0" y="0"/>
                  </a:lnTo>
                  <a:lnTo>
                    <a:pt x="0" y="6858000"/>
                  </a:lnTo>
                  <a:lnTo>
                    <a:pt x="228600" y="6858000"/>
                  </a:lnTo>
                  <a:lnTo>
                    <a:pt x="228600" y="0"/>
                  </a:lnTo>
                  <a:close/>
                </a:path>
              </a:pathLst>
            </a:custGeom>
            <a:solidFill>
              <a:schemeClr val="tx2">
                <a:lumMod val="10000"/>
                <a:lumOff val="90000"/>
              </a:schemeClr>
            </a:solidFill>
            <a:ln>
              <a:solidFill>
                <a:schemeClr val="accent1"/>
              </a:solidFill>
            </a:ln>
          </p:spPr>
          <p:txBody>
            <a:bodyPr wrap="square" lIns="0" tIns="0" rIns="0" bIns="0" rtlCol="0"/>
            <a:lstStyle/>
            <a:p>
              <a:endParaRPr/>
            </a:p>
          </p:txBody>
        </p:sp>
      </p:grpSp>
      <p:sp>
        <p:nvSpPr>
          <p:cNvPr id="6" name="object 6"/>
          <p:cNvSpPr txBox="1">
            <a:spLocks noGrp="1"/>
          </p:cNvSpPr>
          <p:nvPr>
            <p:ph type="title"/>
          </p:nvPr>
        </p:nvSpPr>
        <p:spPr>
          <a:xfrm>
            <a:off x="1450339" y="627380"/>
            <a:ext cx="6566610" cy="690574"/>
          </a:xfrm>
          <a:prstGeom prst="rect">
            <a:avLst/>
          </a:prstGeom>
        </p:spPr>
        <p:txBody>
          <a:bodyPr vert="horz" wrap="square" lIns="0" tIns="13335" rIns="0" bIns="0" rtlCol="0">
            <a:spAutoFit/>
          </a:bodyPr>
          <a:lstStyle/>
          <a:p>
            <a:pPr marL="12700">
              <a:lnSpc>
                <a:spcPct val="100000"/>
              </a:lnSpc>
              <a:spcBef>
                <a:spcPts val="105"/>
              </a:spcBef>
            </a:pPr>
            <a:r>
              <a:rPr sz="4400" spc="-110" dirty="0">
                <a:solidFill>
                  <a:schemeClr val="bg2"/>
                </a:solidFill>
              </a:rPr>
              <a:t>What</a:t>
            </a:r>
            <a:r>
              <a:rPr lang="en-GB" sz="4400" spc="-35" dirty="0">
                <a:solidFill>
                  <a:schemeClr val="bg2"/>
                </a:solidFill>
              </a:rPr>
              <a:t>’s</a:t>
            </a:r>
            <a:r>
              <a:rPr sz="4400" spc="-25" dirty="0">
                <a:solidFill>
                  <a:schemeClr val="bg2"/>
                </a:solidFill>
              </a:rPr>
              <a:t> </a:t>
            </a:r>
            <a:r>
              <a:rPr lang="en-GB" sz="4400" spc="-114" dirty="0">
                <a:solidFill>
                  <a:schemeClr val="bg2"/>
                </a:solidFill>
              </a:rPr>
              <a:t>the big deal?</a:t>
            </a:r>
            <a:endParaRPr sz="4400" dirty="0">
              <a:solidFill>
                <a:schemeClr val="bg2"/>
              </a:solidFill>
            </a:endParaRPr>
          </a:p>
        </p:txBody>
      </p:sp>
      <p:pic>
        <p:nvPicPr>
          <p:cNvPr id="2" name="Graphic 1">
            <a:extLst>
              <a:ext uri="{FF2B5EF4-FFF2-40B4-BE49-F238E27FC236}">
                <a16:creationId xmlns:a16="http://schemas.microsoft.com/office/drawing/2014/main" id="{1171145E-4D8F-72DF-F97E-1750F3037B1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45142" y="548624"/>
            <a:ext cx="462858" cy="450000"/>
          </a:xfrm>
          <a:prstGeom prst="rect">
            <a:avLst/>
          </a:prstGeom>
        </p:spPr>
      </p:pic>
      <p:sp>
        <p:nvSpPr>
          <p:cNvPr id="23" name="TextBox 22">
            <a:extLst>
              <a:ext uri="{FF2B5EF4-FFF2-40B4-BE49-F238E27FC236}">
                <a16:creationId xmlns:a16="http://schemas.microsoft.com/office/drawing/2014/main" id="{2013473F-39E1-3313-57D2-2F6F8082C585}"/>
              </a:ext>
            </a:extLst>
          </p:cNvPr>
          <p:cNvSpPr txBox="1"/>
          <p:nvPr/>
        </p:nvSpPr>
        <p:spPr>
          <a:xfrm>
            <a:off x="1185672" y="1573452"/>
            <a:ext cx="10235709" cy="4154984"/>
          </a:xfrm>
          <a:prstGeom prst="rect">
            <a:avLst/>
          </a:prstGeom>
          <a:noFill/>
        </p:spPr>
        <p:txBody>
          <a:bodyPr wrap="square">
            <a:spAutoFit/>
          </a:bodyPr>
          <a:lstStyle/>
          <a:p>
            <a:pPr marL="342900" indent="-342900">
              <a:buFont typeface="Arial" panose="020B0604020202020204" pitchFamily="34" charset="0"/>
              <a:buChar char="•"/>
            </a:pPr>
            <a:r>
              <a:rPr lang="en-GB" sz="2400" dirty="0">
                <a:latin typeface="Segoe UI Historic" panose="020B0502040204020203" pitchFamily="34" charset="0"/>
              </a:rPr>
              <a:t>Consistency: Ensures data transformations are consistent across reports and teams. </a:t>
            </a:r>
          </a:p>
          <a:p>
            <a:pPr marL="342900" indent="-342900">
              <a:buFont typeface="Arial" panose="020B0604020202020204" pitchFamily="34" charset="0"/>
              <a:buChar char="•"/>
            </a:pPr>
            <a:endParaRPr lang="en-GB" sz="2400" dirty="0">
              <a:latin typeface="Segoe UI Historic" panose="020B0502040204020203" pitchFamily="34" charset="0"/>
            </a:endParaRPr>
          </a:p>
          <a:p>
            <a:pPr marL="342900" indent="-342900">
              <a:buFont typeface="Arial" panose="020B0604020202020204" pitchFamily="34" charset="0"/>
              <a:buChar char="•"/>
            </a:pPr>
            <a:r>
              <a:rPr lang="en-GB" sz="2400" dirty="0">
                <a:latin typeface="Segoe UI Historic" panose="020B0502040204020203" pitchFamily="34" charset="0"/>
              </a:rPr>
              <a:t>Data Reusability: Enables reusing datasets and models without repeating ETL processes. </a:t>
            </a:r>
          </a:p>
          <a:p>
            <a:pPr marL="342900" indent="-342900">
              <a:buFont typeface="Arial" panose="020B0604020202020204" pitchFamily="34" charset="0"/>
              <a:buChar char="•"/>
            </a:pPr>
            <a:endParaRPr lang="en-GB" sz="2400" dirty="0">
              <a:latin typeface="Segoe UI Historic" panose="020B0502040204020203" pitchFamily="34" charset="0"/>
            </a:endParaRPr>
          </a:p>
          <a:p>
            <a:pPr marL="342900" indent="-342900">
              <a:buFont typeface="Arial" panose="020B0604020202020204" pitchFamily="34" charset="0"/>
              <a:buChar char="•"/>
            </a:pPr>
            <a:r>
              <a:rPr lang="en-GB" sz="2400" dirty="0">
                <a:latin typeface="Segoe UI Historic" panose="020B0502040204020203" pitchFamily="34" charset="0"/>
              </a:rPr>
              <a:t>Self-Service Analytics: Empowers users to access data without BI developer dependence. </a:t>
            </a:r>
          </a:p>
          <a:p>
            <a:pPr marL="342900" indent="-342900">
              <a:buFont typeface="Arial" panose="020B0604020202020204" pitchFamily="34" charset="0"/>
              <a:buChar char="•"/>
            </a:pPr>
            <a:endParaRPr lang="en-GB" sz="2400" dirty="0">
              <a:latin typeface="Segoe UI Historic" panose="020B0502040204020203" pitchFamily="34" charset="0"/>
            </a:endParaRPr>
          </a:p>
          <a:p>
            <a:pPr marL="342900" indent="-342900">
              <a:buFont typeface="Arial" panose="020B0604020202020204" pitchFamily="34" charset="0"/>
              <a:buChar char="•"/>
            </a:pPr>
            <a:r>
              <a:rPr lang="en-GB" sz="2400" dirty="0">
                <a:latin typeface="Segoe UI Historic" panose="020B0502040204020203" pitchFamily="34" charset="0"/>
              </a:rPr>
              <a:t>Scalability: Scales across projects and departments, making it easier to manage and grow.</a:t>
            </a:r>
          </a:p>
        </p:txBody>
      </p:sp>
      <p:sp>
        <p:nvSpPr>
          <p:cNvPr id="12" name="TextBox 11">
            <a:extLst>
              <a:ext uri="{FF2B5EF4-FFF2-40B4-BE49-F238E27FC236}">
                <a16:creationId xmlns:a16="http://schemas.microsoft.com/office/drawing/2014/main" id="{B85AF75D-21CA-E90B-8A96-C3CC2880CF32}"/>
              </a:ext>
            </a:extLst>
          </p:cNvPr>
          <p:cNvSpPr txBox="1"/>
          <p:nvPr/>
        </p:nvSpPr>
        <p:spPr>
          <a:xfrm>
            <a:off x="1864098" y="5917942"/>
            <a:ext cx="9412473" cy="461665"/>
          </a:xfrm>
          <a:prstGeom prst="rect">
            <a:avLst/>
          </a:prstGeom>
          <a:noFill/>
        </p:spPr>
        <p:txBody>
          <a:bodyPr wrap="square">
            <a:spAutoFit/>
          </a:bodyPr>
          <a:lstStyle/>
          <a:p>
            <a:r>
              <a:rPr lang="en-GB" sz="2400" b="1" i="1" dirty="0">
                <a:effectLst/>
                <a:latin typeface="Seaford" panose="020F0502020204030204" pitchFamily="2" charset="0"/>
              </a:rPr>
              <a:t>It reduce redundant efforts across reporting and analytics!</a:t>
            </a:r>
            <a:endParaRPr lang="en-GB" sz="2400" b="1" i="1" dirty="0">
              <a:latin typeface="Seaford" panose="020F0502020204030204" pitchFamily="2" charset="0"/>
            </a:endParaRPr>
          </a:p>
        </p:txBody>
      </p:sp>
      <p:sp>
        <p:nvSpPr>
          <p:cNvPr id="13" name="Rectangle 12">
            <a:extLst>
              <a:ext uri="{FF2B5EF4-FFF2-40B4-BE49-F238E27FC236}">
                <a16:creationId xmlns:a16="http://schemas.microsoft.com/office/drawing/2014/main" id="{64A29E5D-496E-45DF-D6DD-77BB9383B95F}"/>
              </a:ext>
            </a:extLst>
          </p:cNvPr>
          <p:cNvSpPr/>
          <p:nvPr/>
        </p:nvSpPr>
        <p:spPr>
          <a:xfrm>
            <a:off x="1450339" y="1317954"/>
            <a:ext cx="8671856" cy="45719"/>
          </a:xfrm>
          <a:prstGeom prst="rect">
            <a:avLst/>
          </a:prstGeom>
          <a:ln>
            <a:noFill/>
          </a:ln>
        </p:spPr>
        <p:style>
          <a:lnRef idx="1">
            <a:schemeClr val="accent3"/>
          </a:lnRef>
          <a:fillRef idx="3">
            <a:schemeClr val="accent3"/>
          </a:fillRef>
          <a:effectRef idx="2">
            <a:schemeClr val="accent3"/>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109268103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 name="object 3"/>
          <p:cNvGrpSpPr/>
          <p:nvPr/>
        </p:nvGrpSpPr>
        <p:grpSpPr>
          <a:xfrm>
            <a:off x="0" y="0"/>
            <a:ext cx="707390" cy="6858000"/>
            <a:chOff x="0" y="0"/>
            <a:chExt cx="707390" cy="6858000"/>
          </a:xfrm>
          <a:solidFill>
            <a:schemeClr val="bg2"/>
          </a:solidFill>
        </p:grpSpPr>
        <p:sp>
          <p:nvSpPr>
            <p:cNvPr id="4" name="object 4"/>
            <p:cNvSpPr/>
            <p:nvPr/>
          </p:nvSpPr>
          <p:spPr>
            <a:xfrm>
              <a:off x="0" y="0"/>
              <a:ext cx="478790" cy="6858000"/>
            </a:xfrm>
            <a:custGeom>
              <a:avLst/>
              <a:gdLst/>
              <a:ahLst/>
              <a:cxnLst/>
              <a:rect l="l" t="t" r="r" b="b"/>
              <a:pathLst>
                <a:path w="478790" h="6858000">
                  <a:moveTo>
                    <a:pt x="0" y="6858000"/>
                  </a:moveTo>
                  <a:lnTo>
                    <a:pt x="478536" y="6858000"/>
                  </a:lnTo>
                  <a:lnTo>
                    <a:pt x="478536" y="0"/>
                  </a:lnTo>
                  <a:lnTo>
                    <a:pt x="0" y="0"/>
                  </a:lnTo>
                  <a:lnTo>
                    <a:pt x="0" y="6858000"/>
                  </a:lnTo>
                  <a:close/>
                </a:path>
              </a:pathLst>
            </a:custGeom>
            <a:grpFill/>
            <a:ln>
              <a:solidFill>
                <a:schemeClr val="accent1"/>
              </a:solidFill>
            </a:ln>
          </p:spPr>
          <p:txBody>
            <a:bodyPr wrap="square" lIns="0" tIns="0" rIns="0" bIns="0" rtlCol="0"/>
            <a:lstStyle/>
            <a:p>
              <a:endParaRPr/>
            </a:p>
          </p:txBody>
        </p:sp>
        <p:sp>
          <p:nvSpPr>
            <p:cNvPr id="5" name="object 5"/>
            <p:cNvSpPr/>
            <p:nvPr/>
          </p:nvSpPr>
          <p:spPr>
            <a:xfrm>
              <a:off x="478536" y="0"/>
              <a:ext cx="228600" cy="6858000"/>
            </a:xfrm>
            <a:custGeom>
              <a:avLst/>
              <a:gdLst/>
              <a:ahLst/>
              <a:cxnLst/>
              <a:rect l="l" t="t" r="r" b="b"/>
              <a:pathLst>
                <a:path w="228600" h="6858000">
                  <a:moveTo>
                    <a:pt x="228600" y="0"/>
                  </a:moveTo>
                  <a:lnTo>
                    <a:pt x="0" y="0"/>
                  </a:lnTo>
                  <a:lnTo>
                    <a:pt x="0" y="6858000"/>
                  </a:lnTo>
                  <a:lnTo>
                    <a:pt x="228600" y="6858000"/>
                  </a:lnTo>
                  <a:lnTo>
                    <a:pt x="228600" y="0"/>
                  </a:lnTo>
                  <a:close/>
                </a:path>
              </a:pathLst>
            </a:custGeom>
            <a:solidFill>
              <a:schemeClr val="tx2">
                <a:lumMod val="10000"/>
                <a:lumOff val="90000"/>
              </a:schemeClr>
            </a:solidFill>
            <a:ln>
              <a:solidFill>
                <a:schemeClr val="accent1"/>
              </a:solidFill>
            </a:ln>
          </p:spPr>
          <p:txBody>
            <a:bodyPr wrap="square" lIns="0" tIns="0" rIns="0" bIns="0" rtlCol="0"/>
            <a:lstStyle/>
            <a:p>
              <a:endParaRPr/>
            </a:p>
          </p:txBody>
        </p:sp>
      </p:grpSp>
      <p:sp>
        <p:nvSpPr>
          <p:cNvPr id="6" name="object 6"/>
          <p:cNvSpPr txBox="1">
            <a:spLocks noGrp="1"/>
          </p:cNvSpPr>
          <p:nvPr>
            <p:ph type="title"/>
          </p:nvPr>
        </p:nvSpPr>
        <p:spPr>
          <a:xfrm>
            <a:off x="1450339" y="627380"/>
            <a:ext cx="6566610" cy="690574"/>
          </a:xfrm>
          <a:prstGeom prst="rect">
            <a:avLst/>
          </a:prstGeom>
        </p:spPr>
        <p:txBody>
          <a:bodyPr vert="horz" wrap="square" lIns="0" tIns="13335" rIns="0" bIns="0" rtlCol="0">
            <a:spAutoFit/>
          </a:bodyPr>
          <a:lstStyle/>
          <a:p>
            <a:pPr marL="12700">
              <a:lnSpc>
                <a:spcPct val="100000"/>
              </a:lnSpc>
              <a:spcBef>
                <a:spcPts val="105"/>
              </a:spcBef>
            </a:pPr>
            <a:r>
              <a:rPr lang="en-GB" sz="4400" spc="-110" dirty="0">
                <a:solidFill>
                  <a:schemeClr val="bg2"/>
                </a:solidFill>
              </a:rPr>
              <a:t>Dataflow vs Dataset</a:t>
            </a:r>
            <a:endParaRPr sz="4400" dirty="0">
              <a:solidFill>
                <a:schemeClr val="bg2"/>
              </a:solidFill>
            </a:endParaRPr>
          </a:p>
        </p:txBody>
      </p:sp>
      <p:pic>
        <p:nvPicPr>
          <p:cNvPr id="2" name="Graphic 1">
            <a:extLst>
              <a:ext uri="{FF2B5EF4-FFF2-40B4-BE49-F238E27FC236}">
                <a16:creationId xmlns:a16="http://schemas.microsoft.com/office/drawing/2014/main" id="{1171145E-4D8F-72DF-F97E-1750F3037B1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45142" y="548624"/>
            <a:ext cx="462858" cy="450000"/>
          </a:xfrm>
          <a:prstGeom prst="rect">
            <a:avLst/>
          </a:prstGeom>
        </p:spPr>
      </p:pic>
      <p:sp>
        <p:nvSpPr>
          <p:cNvPr id="23" name="TextBox 22">
            <a:extLst>
              <a:ext uri="{FF2B5EF4-FFF2-40B4-BE49-F238E27FC236}">
                <a16:creationId xmlns:a16="http://schemas.microsoft.com/office/drawing/2014/main" id="{2013473F-39E1-3313-57D2-2F6F8082C585}"/>
              </a:ext>
            </a:extLst>
          </p:cNvPr>
          <p:cNvSpPr txBox="1"/>
          <p:nvPr/>
        </p:nvSpPr>
        <p:spPr>
          <a:xfrm>
            <a:off x="1185672" y="1730437"/>
            <a:ext cx="10235709" cy="4524315"/>
          </a:xfrm>
          <a:prstGeom prst="rect">
            <a:avLst/>
          </a:prstGeom>
          <a:noFill/>
        </p:spPr>
        <p:txBody>
          <a:bodyPr wrap="square">
            <a:spAutoFit/>
          </a:bodyPr>
          <a:lstStyle/>
          <a:p>
            <a:pPr marL="342900" indent="-342900">
              <a:buFont typeface="Arial" panose="020B0604020202020204" pitchFamily="34" charset="0"/>
              <a:buChar char="•"/>
            </a:pPr>
            <a:r>
              <a:rPr lang="en-GB" sz="2400" b="0" i="0" dirty="0">
                <a:effectLst/>
                <a:latin typeface="Segoe UI Historic" panose="020B0502040204020203" pitchFamily="34" charset="0"/>
              </a:rPr>
              <a:t>Dataflow </a:t>
            </a:r>
            <a:endParaRPr lang="en-GB" sz="2400" dirty="0">
              <a:latin typeface="Segoe UI Historic" panose="020B0502040204020203" pitchFamily="34" charset="0"/>
            </a:endParaRPr>
          </a:p>
          <a:p>
            <a:pPr marL="342900" indent="-342900">
              <a:buFont typeface="Arial" panose="020B0604020202020204" pitchFamily="34" charset="0"/>
              <a:buChar char="•"/>
            </a:pPr>
            <a:r>
              <a:rPr lang="en-GB" sz="2400" b="0" i="0" dirty="0">
                <a:effectLst/>
                <a:latin typeface="Segoe UI Historic" panose="020B0502040204020203" pitchFamily="34" charset="0"/>
              </a:rPr>
              <a:t>ETL (Extract, Transform, Load) focused </a:t>
            </a:r>
          </a:p>
          <a:p>
            <a:pPr marL="342900" indent="-342900">
              <a:buFont typeface="Arial" panose="020B0604020202020204" pitchFamily="34" charset="0"/>
              <a:buChar char="•"/>
            </a:pPr>
            <a:r>
              <a:rPr lang="en-GB" sz="2400" b="0" i="0" dirty="0">
                <a:effectLst/>
                <a:latin typeface="Segoe UI Historic" panose="020B0502040204020203" pitchFamily="34" charset="0"/>
              </a:rPr>
              <a:t>Raw or transformed data stored in Azure Data Lake (Common Data Model format) </a:t>
            </a:r>
          </a:p>
          <a:p>
            <a:endParaRPr lang="en-GB" sz="2400" dirty="0">
              <a:latin typeface="Segoe UI Historic" panose="020B0502040204020203" pitchFamily="34" charset="0"/>
            </a:endParaRPr>
          </a:p>
          <a:p>
            <a:pPr marL="342900" indent="-342900">
              <a:buFont typeface="Arial" panose="020B0604020202020204" pitchFamily="34" charset="0"/>
              <a:buChar char="•"/>
            </a:pPr>
            <a:r>
              <a:rPr lang="en-GB" sz="2400" b="0" i="0" dirty="0">
                <a:effectLst/>
                <a:latin typeface="Segoe UI Historic" panose="020B0502040204020203" pitchFamily="34" charset="0"/>
              </a:rPr>
              <a:t>Dataset </a:t>
            </a:r>
          </a:p>
          <a:p>
            <a:pPr marL="342900" indent="-342900">
              <a:buFont typeface="Arial" panose="020B0604020202020204" pitchFamily="34" charset="0"/>
              <a:buChar char="•"/>
            </a:pPr>
            <a:r>
              <a:rPr lang="en-GB" sz="2400" b="0" i="0" dirty="0">
                <a:effectLst/>
                <a:latin typeface="Segoe UI Historic" panose="020B0502040204020203" pitchFamily="34" charset="0"/>
              </a:rPr>
              <a:t>Analytics-focused, built from dataflows or other data sources </a:t>
            </a:r>
          </a:p>
          <a:p>
            <a:pPr marL="342900" indent="-342900">
              <a:buFont typeface="Arial" panose="020B0604020202020204" pitchFamily="34" charset="0"/>
              <a:buChar char="•"/>
            </a:pPr>
            <a:r>
              <a:rPr lang="en-GB" sz="2400" b="0" i="0" dirty="0">
                <a:effectLst/>
                <a:latin typeface="Segoe UI Historic" panose="020B0502040204020203" pitchFamily="34" charset="0"/>
              </a:rPr>
              <a:t>Primarily used for data visualization </a:t>
            </a:r>
          </a:p>
          <a:p>
            <a:pPr marL="342900" indent="-342900">
              <a:buFont typeface="Arial" panose="020B0604020202020204" pitchFamily="34" charset="0"/>
              <a:buChar char="•"/>
            </a:pPr>
            <a:endParaRPr lang="en-GB" sz="2400" dirty="0">
              <a:latin typeface="Segoe UI Historic" panose="020B0502040204020203" pitchFamily="34" charset="0"/>
            </a:endParaRPr>
          </a:p>
          <a:p>
            <a:pPr marL="342900" indent="-342900">
              <a:buFont typeface="Arial" panose="020B0604020202020204" pitchFamily="34" charset="0"/>
              <a:buChar char="•"/>
            </a:pPr>
            <a:r>
              <a:rPr lang="en-GB" sz="2400" b="0" i="0" dirty="0">
                <a:effectLst/>
                <a:latin typeface="Segoe UI Historic" panose="020B0502040204020203" pitchFamily="34" charset="0"/>
              </a:rPr>
              <a:t>When to Use Each? </a:t>
            </a:r>
            <a:endParaRPr lang="en-GB" sz="2400" dirty="0">
              <a:latin typeface="Segoe UI Historic" panose="020B0502040204020203" pitchFamily="34" charset="0"/>
            </a:endParaRPr>
          </a:p>
          <a:p>
            <a:pPr marL="342900" indent="-342900">
              <a:buFont typeface="Arial" panose="020B0604020202020204" pitchFamily="34" charset="0"/>
              <a:buChar char="•"/>
            </a:pPr>
            <a:r>
              <a:rPr lang="en-GB" sz="2400" b="0" i="0" dirty="0">
                <a:effectLst/>
                <a:latin typeface="Segoe UI Historic" panose="020B0502040204020203" pitchFamily="34" charset="0"/>
              </a:rPr>
              <a:t>Use Dataflows for data transformation and cleaning </a:t>
            </a:r>
          </a:p>
          <a:p>
            <a:pPr marL="342900" indent="-342900">
              <a:buFont typeface="Arial" panose="020B0604020202020204" pitchFamily="34" charset="0"/>
              <a:buChar char="•"/>
            </a:pPr>
            <a:r>
              <a:rPr lang="en-GB" sz="2400" b="0" i="0" dirty="0">
                <a:effectLst/>
                <a:latin typeface="Segoe UI Historic" panose="020B0502040204020203" pitchFamily="34" charset="0"/>
              </a:rPr>
              <a:t>Use Datasets for visualizing data in Power BI reports</a:t>
            </a:r>
            <a:endParaRPr lang="en-GB" sz="2400" dirty="0">
              <a:latin typeface="Segoe UI Historic" panose="020B0502040204020203" pitchFamily="34" charset="0"/>
            </a:endParaRPr>
          </a:p>
        </p:txBody>
      </p:sp>
      <p:sp>
        <p:nvSpPr>
          <p:cNvPr id="7" name="Rectangle 6">
            <a:extLst>
              <a:ext uri="{FF2B5EF4-FFF2-40B4-BE49-F238E27FC236}">
                <a16:creationId xmlns:a16="http://schemas.microsoft.com/office/drawing/2014/main" id="{8F490826-09BE-9A25-BDFA-E55800D0221C}"/>
              </a:ext>
            </a:extLst>
          </p:cNvPr>
          <p:cNvSpPr/>
          <p:nvPr/>
        </p:nvSpPr>
        <p:spPr>
          <a:xfrm>
            <a:off x="1450339" y="1317954"/>
            <a:ext cx="8671856" cy="45719"/>
          </a:xfrm>
          <a:prstGeom prst="rect">
            <a:avLst/>
          </a:prstGeom>
          <a:ln>
            <a:noFill/>
          </a:ln>
        </p:spPr>
        <p:style>
          <a:lnRef idx="1">
            <a:schemeClr val="accent3"/>
          </a:lnRef>
          <a:fillRef idx="3">
            <a:schemeClr val="accent3"/>
          </a:fillRef>
          <a:effectRef idx="2">
            <a:schemeClr val="accent3"/>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256930772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 name="object 3"/>
          <p:cNvGrpSpPr/>
          <p:nvPr/>
        </p:nvGrpSpPr>
        <p:grpSpPr>
          <a:xfrm>
            <a:off x="0" y="0"/>
            <a:ext cx="707390" cy="6858000"/>
            <a:chOff x="0" y="0"/>
            <a:chExt cx="707390" cy="6858000"/>
          </a:xfrm>
          <a:solidFill>
            <a:schemeClr val="bg2"/>
          </a:solidFill>
        </p:grpSpPr>
        <p:sp>
          <p:nvSpPr>
            <p:cNvPr id="4" name="object 4"/>
            <p:cNvSpPr/>
            <p:nvPr/>
          </p:nvSpPr>
          <p:spPr>
            <a:xfrm>
              <a:off x="0" y="0"/>
              <a:ext cx="478790" cy="6858000"/>
            </a:xfrm>
            <a:custGeom>
              <a:avLst/>
              <a:gdLst/>
              <a:ahLst/>
              <a:cxnLst/>
              <a:rect l="l" t="t" r="r" b="b"/>
              <a:pathLst>
                <a:path w="478790" h="6858000">
                  <a:moveTo>
                    <a:pt x="0" y="6858000"/>
                  </a:moveTo>
                  <a:lnTo>
                    <a:pt x="478536" y="6858000"/>
                  </a:lnTo>
                  <a:lnTo>
                    <a:pt x="478536" y="0"/>
                  </a:lnTo>
                  <a:lnTo>
                    <a:pt x="0" y="0"/>
                  </a:lnTo>
                  <a:lnTo>
                    <a:pt x="0" y="6858000"/>
                  </a:lnTo>
                  <a:close/>
                </a:path>
              </a:pathLst>
            </a:custGeom>
            <a:grpFill/>
            <a:ln>
              <a:solidFill>
                <a:schemeClr val="accent1"/>
              </a:solidFill>
            </a:ln>
          </p:spPr>
          <p:txBody>
            <a:bodyPr wrap="square" lIns="0" tIns="0" rIns="0" bIns="0" rtlCol="0"/>
            <a:lstStyle/>
            <a:p>
              <a:endParaRPr/>
            </a:p>
          </p:txBody>
        </p:sp>
        <p:sp>
          <p:nvSpPr>
            <p:cNvPr id="5" name="object 5"/>
            <p:cNvSpPr/>
            <p:nvPr/>
          </p:nvSpPr>
          <p:spPr>
            <a:xfrm>
              <a:off x="478536" y="0"/>
              <a:ext cx="228600" cy="6858000"/>
            </a:xfrm>
            <a:custGeom>
              <a:avLst/>
              <a:gdLst/>
              <a:ahLst/>
              <a:cxnLst/>
              <a:rect l="l" t="t" r="r" b="b"/>
              <a:pathLst>
                <a:path w="228600" h="6858000">
                  <a:moveTo>
                    <a:pt x="228600" y="0"/>
                  </a:moveTo>
                  <a:lnTo>
                    <a:pt x="0" y="0"/>
                  </a:lnTo>
                  <a:lnTo>
                    <a:pt x="0" y="6858000"/>
                  </a:lnTo>
                  <a:lnTo>
                    <a:pt x="228600" y="6858000"/>
                  </a:lnTo>
                  <a:lnTo>
                    <a:pt x="228600" y="0"/>
                  </a:lnTo>
                  <a:close/>
                </a:path>
              </a:pathLst>
            </a:custGeom>
            <a:solidFill>
              <a:schemeClr val="tx2">
                <a:lumMod val="10000"/>
                <a:lumOff val="90000"/>
              </a:schemeClr>
            </a:solidFill>
            <a:ln>
              <a:solidFill>
                <a:schemeClr val="accent1"/>
              </a:solidFill>
            </a:ln>
          </p:spPr>
          <p:txBody>
            <a:bodyPr wrap="square" lIns="0" tIns="0" rIns="0" bIns="0" rtlCol="0"/>
            <a:lstStyle/>
            <a:p>
              <a:endParaRPr/>
            </a:p>
          </p:txBody>
        </p:sp>
      </p:grpSp>
      <p:sp>
        <p:nvSpPr>
          <p:cNvPr id="6" name="object 6"/>
          <p:cNvSpPr txBox="1">
            <a:spLocks noGrp="1"/>
          </p:cNvSpPr>
          <p:nvPr>
            <p:ph type="title"/>
          </p:nvPr>
        </p:nvSpPr>
        <p:spPr>
          <a:xfrm>
            <a:off x="1450339" y="627380"/>
            <a:ext cx="6566610" cy="690574"/>
          </a:xfrm>
          <a:prstGeom prst="rect">
            <a:avLst/>
          </a:prstGeom>
        </p:spPr>
        <p:txBody>
          <a:bodyPr vert="horz" wrap="square" lIns="0" tIns="13335" rIns="0" bIns="0" rtlCol="0">
            <a:spAutoFit/>
          </a:bodyPr>
          <a:lstStyle/>
          <a:p>
            <a:pPr marL="12700">
              <a:lnSpc>
                <a:spcPct val="100000"/>
              </a:lnSpc>
              <a:spcBef>
                <a:spcPts val="105"/>
              </a:spcBef>
            </a:pPr>
            <a:r>
              <a:rPr lang="en-GB" sz="4400" spc="-110" dirty="0">
                <a:solidFill>
                  <a:schemeClr val="bg2"/>
                </a:solidFill>
              </a:rPr>
              <a:t>Dataflow Architecture</a:t>
            </a:r>
            <a:endParaRPr sz="4400" dirty="0">
              <a:solidFill>
                <a:schemeClr val="bg2"/>
              </a:solidFill>
            </a:endParaRPr>
          </a:p>
        </p:txBody>
      </p:sp>
      <p:pic>
        <p:nvPicPr>
          <p:cNvPr id="2" name="Graphic 1">
            <a:extLst>
              <a:ext uri="{FF2B5EF4-FFF2-40B4-BE49-F238E27FC236}">
                <a16:creationId xmlns:a16="http://schemas.microsoft.com/office/drawing/2014/main" id="{1171145E-4D8F-72DF-F97E-1750F3037B1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45142" y="548624"/>
            <a:ext cx="462858" cy="450000"/>
          </a:xfrm>
          <a:prstGeom prst="rect">
            <a:avLst/>
          </a:prstGeom>
        </p:spPr>
      </p:pic>
      <p:sp>
        <p:nvSpPr>
          <p:cNvPr id="23" name="TextBox 22">
            <a:extLst>
              <a:ext uri="{FF2B5EF4-FFF2-40B4-BE49-F238E27FC236}">
                <a16:creationId xmlns:a16="http://schemas.microsoft.com/office/drawing/2014/main" id="{2013473F-39E1-3313-57D2-2F6F8082C585}"/>
              </a:ext>
            </a:extLst>
          </p:cNvPr>
          <p:cNvSpPr txBox="1"/>
          <p:nvPr/>
        </p:nvSpPr>
        <p:spPr>
          <a:xfrm>
            <a:off x="1185672" y="1730437"/>
            <a:ext cx="10235709" cy="3785652"/>
          </a:xfrm>
          <a:prstGeom prst="rect">
            <a:avLst/>
          </a:prstGeom>
          <a:noFill/>
        </p:spPr>
        <p:txBody>
          <a:bodyPr wrap="square">
            <a:spAutoFit/>
          </a:bodyPr>
          <a:lstStyle/>
          <a:p>
            <a:r>
              <a:rPr lang="en-GB" sz="2400" b="0" i="0" dirty="0">
                <a:effectLst/>
                <a:latin typeface="Segoe UI Historic" panose="020B0502040204020203" pitchFamily="34" charset="0"/>
              </a:rPr>
              <a:t>• Source Data: Data from databases, APIs, flat files, cloud, etc. </a:t>
            </a:r>
          </a:p>
          <a:p>
            <a:endParaRPr lang="en-GB" sz="2400" b="0" i="0" dirty="0">
              <a:effectLst/>
              <a:latin typeface="Segoe UI Historic" panose="020B0502040204020203" pitchFamily="34" charset="0"/>
            </a:endParaRPr>
          </a:p>
          <a:p>
            <a:r>
              <a:rPr lang="en-GB" sz="2400" b="0" i="0" dirty="0">
                <a:effectLst/>
                <a:latin typeface="Segoe UI Historic" panose="020B0502040204020203" pitchFamily="34" charset="0"/>
              </a:rPr>
              <a:t>• Power Query: Transformation and data cleaning via Power BI’s Power Query Editor </a:t>
            </a:r>
          </a:p>
          <a:p>
            <a:endParaRPr lang="en-GB" sz="2400" b="0" i="0" dirty="0">
              <a:effectLst/>
              <a:latin typeface="Segoe UI Historic" panose="020B0502040204020203" pitchFamily="34" charset="0"/>
            </a:endParaRPr>
          </a:p>
          <a:p>
            <a:r>
              <a:rPr lang="en-GB" sz="2400" b="0" i="0" dirty="0">
                <a:effectLst/>
                <a:latin typeface="Segoe UI Historic" panose="020B0502040204020203" pitchFamily="34" charset="0"/>
              </a:rPr>
              <a:t>• Storage: Data is stored in Azure Data Lake Storage as a Common Data Model (CDM) </a:t>
            </a:r>
          </a:p>
          <a:p>
            <a:endParaRPr lang="en-GB" sz="2400" dirty="0">
              <a:latin typeface="Segoe UI Historic" panose="020B0502040204020203" pitchFamily="34" charset="0"/>
            </a:endParaRPr>
          </a:p>
          <a:p>
            <a:r>
              <a:rPr lang="en-GB" sz="2400" b="0" i="0" dirty="0">
                <a:effectLst/>
                <a:latin typeface="Segoe UI Historic" panose="020B0502040204020203" pitchFamily="34" charset="0"/>
              </a:rPr>
              <a:t>• Data Consumption: Transformed data is consumed by Power BI reports, dashboards, or other analytics tools</a:t>
            </a:r>
            <a:endParaRPr lang="en-GB" sz="2400" dirty="0">
              <a:latin typeface="Segoe UI Historic" panose="020B0502040204020203" pitchFamily="34" charset="0"/>
            </a:endParaRPr>
          </a:p>
        </p:txBody>
      </p:sp>
      <p:sp>
        <p:nvSpPr>
          <p:cNvPr id="7" name="Rectangle 6">
            <a:extLst>
              <a:ext uri="{FF2B5EF4-FFF2-40B4-BE49-F238E27FC236}">
                <a16:creationId xmlns:a16="http://schemas.microsoft.com/office/drawing/2014/main" id="{7BDD0FCA-F4BC-CDD4-F78D-C8E88CD880CE}"/>
              </a:ext>
            </a:extLst>
          </p:cNvPr>
          <p:cNvSpPr/>
          <p:nvPr/>
        </p:nvSpPr>
        <p:spPr>
          <a:xfrm>
            <a:off x="1450339" y="1317954"/>
            <a:ext cx="8671856" cy="45719"/>
          </a:xfrm>
          <a:prstGeom prst="rect">
            <a:avLst/>
          </a:prstGeom>
          <a:ln>
            <a:noFill/>
          </a:ln>
        </p:spPr>
        <p:style>
          <a:lnRef idx="1">
            <a:schemeClr val="accent3"/>
          </a:lnRef>
          <a:fillRef idx="3">
            <a:schemeClr val="accent3"/>
          </a:fillRef>
          <a:effectRef idx="2">
            <a:schemeClr val="accent3"/>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19182277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 name="object 3"/>
          <p:cNvGrpSpPr/>
          <p:nvPr/>
        </p:nvGrpSpPr>
        <p:grpSpPr>
          <a:xfrm>
            <a:off x="0" y="0"/>
            <a:ext cx="707390" cy="6858000"/>
            <a:chOff x="0" y="0"/>
            <a:chExt cx="707390" cy="6858000"/>
          </a:xfrm>
          <a:solidFill>
            <a:schemeClr val="bg2"/>
          </a:solidFill>
        </p:grpSpPr>
        <p:sp>
          <p:nvSpPr>
            <p:cNvPr id="4" name="object 4"/>
            <p:cNvSpPr/>
            <p:nvPr/>
          </p:nvSpPr>
          <p:spPr>
            <a:xfrm>
              <a:off x="0" y="0"/>
              <a:ext cx="478790" cy="6858000"/>
            </a:xfrm>
            <a:custGeom>
              <a:avLst/>
              <a:gdLst/>
              <a:ahLst/>
              <a:cxnLst/>
              <a:rect l="l" t="t" r="r" b="b"/>
              <a:pathLst>
                <a:path w="478790" h="6858000">
                  <a:moveTo>
                    <a:pt x="0" y="6858000"/>
                  </a:moveTo>
                  <a:lnTo>
                    <a:pt x="478536" y="6858000"/>
                  </a:lnTo>
                  <a:lnTo>
                    <a:pt x="478536" y="0"/>
                  </a:lnTo>
                  <a:lnTo>
                    <a:pt x="0" y="0"/>
                  </a:lnTo>
                  <a:lnTo>
                    <a:pt x="0" y="6858000"/>
                  </a:lnTo>
                  <a:close/>
                </a:path>
              </a:pathLst>
            </a:custGeom>
            <a:grpFill/>
            <a:ln>
              <a:solidFill>
                <a:schemeClr val="accent1"/>
              </a:solidFill>
            </a:ln>
          </p:spPr>
          <p:txBody>
            <a:bodyPr wrap="square" lIns="0" tIns="0" rIns="0" bIns="0" rtlCol="0"/>
            <a:lstStyle/>
            <a:p>
              <a:endParaRPr/>
            </a:p>
          </p:txBody>
        </p:sp>
        <p:sp>
          <p:nvSpPr>
            <p:cNvPr id="5" name="object 5"/>
            <p:cNvSpPr/>
            <p:nvPr/>
          </p:nvSpPr>
          <p:spPr>
            <a:xfrm>
              <a:off x="478536" y="0"/>
              <a:ext cx="228600" cy="6858000"/>
            </a:xfrm>
            <a:custGeom>
              <a:avLst/>
              <a:gdLst/>
              <a:ahLst/>
              <a:cxnLst/>
              <a:rect l="l" t="t" r="r" b="b"/>
              <a:pathLst>
                <a:path w="228600" h="6858000">
                  <a:moveTo>
                    <a:pt x="228600" y="0"/>
                  </a:moveTo>
                  <a:lnTo>
                    <a:pt x="0" y="0"/>
                  </a:lnTo>
                  <a:lnTo>
                    <a:pt x="0" y="6858000"/>
                  </a:lnTo>
                  <a:lnTo>
                    <a:pt x="228600" y="6858000"/>
                  </a:lnTo>
                  <a:lnTo>
                    <a:pt x="228600" y="0"/>
                  </a:lnTo>
                  <a:close/>
                </a:path>
              </a:pathLst>
            </a:custGeom>
            <a:solidFill>
              <a:schemeClr val="tx2">
                <a:lumMod val="10000"/>
                <a:lumOff val="90000"/>
              </a:schemeClr>
            </a:solidFill>
            <a:ln>
              <a:solidFill>
                <a:schemeClr val="accent1"/>
              </a:solidFill>
            </a:ln>
          </p:spPr>
          <p:txBody>
            <a:bodyPr wrap="square" lIns="0" tIns="0" rIns="0" bIns="0" rtlCol="0"/>
            <a:lstStyle/>
            <a:p>
              <a:endParaRPr/>
            </a:p>
          </p:txBody>
        </p:sp>
      </p:grpSp>
      <p:sp>
        <p:nvSpPr>
          <p:cNvPr id="6" name="object 6"/>
          <p:cNvSpPr txBox="1">
            <a:spLocks noGrp="1"/>
          </p:cNvSpPr>
          <p:nvPr>
            <p:ph type="title"/>
          </p:nvPr>
        </p:nvSpPr>
        <p:spPr>
          <a:xfrm>
            <a:off x="1067567" y="428337"/>
            <a:ext cx="6566610" cy="690574"/>
          </a:xfrm>
          <a:prstGeom prst="rect">
            <a:avLst/>
          </a:prstGeom>
        </p:spPr>
        <p:txBody>
          <a:bodyPr vert="horz" wrap="square" lIns="0" tIns="13335" rIns="0" bIns="0" rtlCol="0">
            <a:spAutoFit/>
          </a:bodyPr>
          <a:lstStyle/>
          <a:p>
            <a:pPr marL="12700" algn="ctr">
              <a:lnSpc>
                <a:spcPct val="100000"/>
              </a:lnSpc>
              <a:spcBef>
                <a:spcPts val="105"/>
              </a:spcBef>
            </a:pPr>
            <a:r>
              <a:rPr lang="en-GB" sz="4400" spc="-110" dirty="0">
                <a:solidFill>
                  <a:schemeClr val="bg2"/>
                </a:solidFill>
              </a:rPr>
              <a:t>Now Let’s build a Dataflow</a:t>
            </a:r>
            <a:endParaRPr sz="4400" dirty="0">
              <a:solidFill>
                <a:schemeClr val="bg2"/>
              </a:solidFill>
            </a:endParaRPr>
          </a:p>
        </p:txBody>
      </p:sp>
      <p:pic>
        <p:nvPicPr>
          <p:cNvPr id="2" name="Graphic 1">
            <a:extLst>
              <a:ext uri="{FF2B5EF4-FFF2-40B4-BE49-F238E27FC236}">
                <a16:creationId xmlns:a16="http://schemas.microsoft.com/office/drawing/2014/main" id="{1171145E-4D8F-72DF-F97E-1750F3037B1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45142" y="548624"/>
            <a:ext cx="462858" cy="450000"/>
          </a:xfrm>
          <a:prstGeom prst="rect">
            <a:avLst/>
          </a:prstGeom>
        </p:spPr>
      </p:pic>
      <p:sp>
        <p:nvSpPr>
          <p:cNvPr id="8" name="TextBox 7">
            <a:extLst>
              <a:ext uri="{FF2B5EF4-FFF2-40B4-BE49-F238E27FC236}">
                <a16:creationId xmlns:a16="http://schemas.microsoft.com/office/drawing/2014/main" id="{76443456-22CA-F0B3-40FA-091FBE775650}"/>
              </a:ext>
            </a:extLst>
          </p:cNvPr>
          <p:cNvSpPr txBox="1"/>
          <p:nvPr/>
        </p:nvSpPr>
        <p:spPr>
          <a:xfrm>
            <a:off x="1273249" y="1589038"/>
            <a:ext cx="9954732" cy="3046988"/>
          </a:xfrm>
          <a:prstGeom prst="rect">
            <a:avLst/>
          </a:prstGeom>
          <a:noFill/>
        </p:spPr>
        <p:txBody>
          <a:bodyPr wrap="square">
            <a:spAutoFit/>
          </a:bodyPr>
          <a:lstStyle/>
          <a:p>
            <a:br>
              <a:rPr lang="en-GB" sz="2400" dirty="0"/>
            </a:br>
            <a:r>
              <a:rPr lang="en-GB" sz="2400" b="0" i="0" dirty="0">
                <a:effectLst/>
                <a:latin typeface="Segoe UI Historic" panose="020B0502040204020203" pitchFamily="34" charset="0"/>
              </a:rPr>
              <a:t>• Step 1: Go to Power BI Service -&gt; Workspace -&gt; Dataflows </a:t>
            </a:r>
          </a:p>
          <a:p>
            <a:r>
              <a:rPr lang="en-GB" sz="2400" b="0" i="0" dirty="0">
                <a:effectLst/>
                <a:latin typeface="Segoe UI Historic" panose="020B0502040204020203" pitchFamily="34" charset="0"/>
              </a:rPr>
              <a:t>• Step 2: Choose “Add new dataflow” and select “Define new tables” </a:t>
            </a:r>
          </a:p>
          <a:p>
            <a:r>
              <a:rPr lang="en-GB" sz="2400" b="0" i="0" dirty="0">
                <a:effectLst/>
                <a:latin typeface="Segoe UI Historic" panose="020B0502040204020203" pitchFamily="34" charset="0"/>
              </a:rPr>
              <a:t>• Step 3: Connect to data source (PBI_Training_1)</a:t>
            </a:r>
          </a:p>
          <a:p>
            <a:r>
              <a:rPr lang="en-GB" sz="2400" b="0" i="0" dirty="0">
                <a:effectLst/>
                <a:latin typeface="Segoe UI Historic" panose="020B0502040204020203" pitchFamily="34" charset="0"/>
              </a:rPr>
              <a:t>• Step 4: Use Power Query to transform data (cleaning, merging, etc.) </a:t>
            </a:r>
          </a:p>
          <a:p>
            <a:r>
              <a:rPr lang="en-GB" sz="2400" b="0" i="0" dirty="0">
                <a:effectLst/>
                <a:latin typeface="Segoe UI Historic" panose="020B0502040204020203" pitchFamily="34" charset="0"/>
              </a:rPr>
              <a:t>• Step 5: Perform data transformation, similar steps that we did during the last session.</a:t>
            </a:r>
          </a:p>
          <a:p>
            <a:r>
              <a:rPr lang="en-GB" sz="2400" b="0" i="0" dirty="0">
                <a:effectLst/>
                <a:latin typeface="Segoe UI Historic" panose="020B0502040204020203" pitchFamily="34" charset="0"/>
              </a:rPr>
              <a:t>• Step 6: Link dataflow to Power BI datasets and reports</a:t>
            </a:r>
            <a:endParaRPr lang="en-GB" sz="2400" dirty="0"/>
          </a:p>
        </p:txBody>
      </p:sp>
      <p:sp>
        <p:nvSpPr>
          <p:cNvPr id="9" name="Rectangle 8">
            <a:extLst>
              <a:ext uri="{FF2B5EF4-FFF2-40B4-BE49-F238E27FC236}">
                <a16:creationId xmlns:a16="http://schemas.microsoft.com/office/drawing/2014/main" id="{095991F8-4E82-0C71-7F23-FE79B735578D}"/>
              </a:ext>
            </a:extLst>
          </p:cNvPr>
          <p:cNvSpPr/>
          <p:nvPr/>
        </p:nvSpPr>
        <p:spPr>
          <a:xfrm>
            <a:off x="1450339" y="1317954"/>
            <a:ext cx="8671856" cy="45719"/>
          </a:xfrm>
          <a:prstGeom prst="rect">
            <a:avLst/>
          </a:prstGeom>
          <a:ln>
            <a:noFill/>
          </a:ln>
        </p:spPr>
        <p:style>
          <a:lnRef idx="1">
            <a:schemeClr val="accent3"/>
          </a:lnRef>
          <a:fillRef idx="3">
            <a:schemeClr val="accent3"/>
          </a:fillRef>
          <a:effectRef idx="2">
            <a:schemeClr val="accent3"/>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256559643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 name="object 3"/>
          <p:cNvGrpSpPr/>
          <p:nvPr/>
        </p:nvGrpSpPr>
        <p:grpSpPr>
          <a:xfrm>
            <a:off x="0" y="0"/>
            <a:ext cx="707390" cy="6858000"/>
            <a:chOff x="0" y="0"/>
            <a:chExt cx="707390" cy="6858000"/>
          </a:xfrm>
          <a:solidFill>
            <a:schemeClr val="bg2"/>
          </a:solidFill>
        </p:grpSpPr>
        <p:sp>
          <p:nvSpPr>
            <p:cNvPr id="4" name="object 4"/>
            <p:cNvSpPr/>
            <p:nvPr/>
          </p:nvSpPr>
          <p:spPr>
            <a:xfrm>
              <a:off x="0" y="0"/>
              <a:ext cx="478790" cy="6858000"/>
            </a:xfrm>
            <a:custGeom>
              <a:avLst/>
              <a:gdLst/>
              <a:ahLst/>
              <a:cxnLst/>
              <a:rect l="l" t="t" r="r" b="b"/>
              <a:pathLst>
                <a:path w="478790" h="6858000">
                  <a:moveTo>
                    <a:pt x="0" y="6858000"/>
                  </a:moveTo>
                  <a:lnTo>
                    <a:pt x="478536" y="6858000"/>
                  </a:lnTo>
                  <a:lnTo>
                    <a:pt x="478536" y="0"/>
                  </a:lnTo>
                  <a:lnTo>
                    <a:pt x="0" y="0"/>
                  </a:lnTo>
                  <a:lnTo>
                    <a:pt x="0" y="6858000"/>
                  </a:lnTo>
                  <a:close/>
                </a:path>
              </a:pathLst>
            </a:custGeom>
            <a:grpFill/>
            <a:ln>
              <a:solidFill>
                <a:schemeClr val="accent1"/>
              </a:solidFill>
            </a:ln>
          </p:spPr>
          <p:txBody>
            <a:bodyPr wrap="square" lIns="0" tIns="0" rIns="0" bIns="0" rtlCol="0"/>
            <a:lstStyle/>
            <a:p>
              <a:endParaRPr/>
            </a:p>
          </p:txBody>
        </p:sp>
        <p:sp>
          <p:nvSpPr>
            <p:cNvPr id="5" name="object 5"/>
            <p:cNvSpPr/>
            <p:nvPr/>
          </p:nvSpPr>
          <p:spPr>
            <a:xfrm>
              <a:off x="478536" y="0"/>
              <a:ext cx="228600" cy="6858000"/>
            </a:xfrm>
            <a:custGeom>
              <a:avLst/>
              <a:gdLst/>
              <a:ahLst/>
              <a:cxnLst/>
              <a:rect l="l" t="t" r="r" b="b"/>
              <a:pathLst>
                <a:path w="228600" h="6858000">
                  <a:moveTo>
                    <a:pt x="228600" y="0"/>
                  </a:moveTo>
                  <a:lnTo>
                    <a:pt x="0" y="0"/>
                  </a:lnTo>
                  <a:lnTo>
                    <a:pt x="0" y="6858000"/>
                  </a:lnTo>
                  <a:lnTo>
                    <a:pt x="228600" y="6858000"/>
                  </a:lnTo>
                  <a:lnTo>
                    <a:pt x="228600" y="0"/>
                  </a:lnTo>
                  <a:close/>
                </a:path>
              </a:pathLst>
            </a:custGeom>
            <a:solidFill>
              <a:schemeClr val="tx2">
                <a:lumMod val="10000"/>
                <a:lumOff val="90000"/>
              </a:schemeClr>
            </a:solidFill>
            <a:ln>
              <a:solidFill>
                <a:schemeClr val="accent1"/>
              </a:solidFill>
            </a:ln>
          </p:spPr>
          <p:txBody>
            <a:bodyPr wrap="square" lIns="0" tIns="0" rIns="0" bIns="0" rtlCol="0"/>
            <a:lstStyle/>
            <a:p>
              <a:endParaRPr/>
            </a:p>
          </p:txBody>
        </p:sp>
      </p:grpSp>
      <p:sp>
        <p:nvSpPr>
          <p:cNvPr id="6" name="object 6"/>
          <p:cNvSpPr txBox="1">
            <a:spLocks noGrp="1"/>
          </p:cNvSpPr>
          <p:nvPr>
            <p:ph type="title"/>
          </p:nvPr>
        </p:nvSpPr>
        <p:spPr>
          <a:xfrm>
            <a:off x="1450339" y="627380"/>
            <a:ext cx="6566610" cy="690574"/>
          </a:xfrm>
          <a:prstGeom prst="rect">
            <a:avLst/>
          </a:prstGeom>
        </p:spPr>
        <p:txBody>
          <a:bodyPr vert="horz" wrap="square" lIns="0" tIns="13335" rIns="0" bIns="0" rtlCol="0">
            <a:spAutoFit/>
          </a:bodyPr>
          <a:lstStyle/>
          <a:p>
            <a:pPr marL="12700">
              <a:lnSpc>
                <a:spcPct val="100000"/>
              </a:lnSpc>
              <a:spcBef>
                <a:spcPts val="105"/>
              </a:spcBef>
            </a:pPr>
            <a:r>
              <a:rPr lang="en-GB" sz="4400" spc="-110" dirty="0">
                <a:solidFill>
                  <a:schemeClr val="bg2"/>
                </a:solidFill>
              </a:rPr>
              <a:t>Use Cases</a:t>
            </a:r>
            <a:endParaRPr sz="4400" dirty="0">
              <a:solidFill>
                <a:schemeClr val="bg2"/>
              </a:solidFill>
            </a:endParaRPr>
          </a:p>
        </p:txBody>
      </p:sp>
      <p:pic>
        <p:nvPicPr>
          <p:cNvPr id="2" name="Graphic 1">
            <a:extLst>
              <a:ext uri="{FF2B5EF4-FFF2-40B4-BE49-F238E27FC236}">
                <a16:creationId xmlns:a16="http://schemas.microsoft.com/office/drawing/2014/main" id="{1171145E-4D8F-72DF-F97E-1750F3037B1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45142" y="548624"/>
            <a:ext cx="462858" cy="450000"/>
          </a:xfrm>
          <a:prstGeom prst="rect">
            <a:avLst/>
          </a:prstGeom>
        </p:spPr>
      </p:pic>
      <p:sp>
        <p:nvSpPr>
          <p:cNvPr id="23" name="TextBox 22">
            <a:extLst>
              <a:ext uri="{FF2B5EF4-FFF2-40B4-BE49-F238E27FC236}">
                <a16:creationId xmlns:a16="http://schemas.microsoft.com/office/drawing/2014/main" id="{2013473F-39E1-3313-57D2-2F6F8082C585}"/>
              </a:ext>
            </a:extLst>
          </p:cNvPr>
          <p:cNvSpPr txBox="1"/>
          <p:nvPr/>
        </p:nvSpPr>
        <p:spPr>
          <a:xfrm>
            <a:off x="1185672" y="1730437"/>
            <a:ext cx="10235709" cy="4154984"/>
          </a:xfrm>
          <a:prstGeom prst="rect">
            <a:avLst/>
          </a:prstGeom>
          <a:noFill/>
        </p:spPr>
        <p:txBody>
          <a:bodyPr wrap="square">
            <a:spAutoFit/>
          </a:bodyPr>
          <a:lstStyle/>
          <a:p>
            <a:r>
              <a:rPr lang="en-GB" sz="2400" b="0" i="0" dirty="0">
                <a:effectLst/>
                <a:latin typeface="Segoe UI Historic" panose="020B0502040204020203" pitchFamily="34" charset="0"/>
              </a:rPr>
              <a:t>• Data Integration Across Systems: Centralize data from multiple systems (e.g., CRM, ERP) for a unified view. </a:t>
            </a:r>
          </a:p>
          <a:p>
            <a:endParaRPr lang="en-GB" sz="2400" dirty="0">
              <a:latin typeface="Segoe UI Historic" panose="020B0502040204020203" pitchFamily="34" charset="0"/>
            </a:endParaRPr>
          </a:p>
          <a:p>
            <a:r>
              <a:rPr lang="en-GB" sz="2400" b="0" i="0" dirty="0">
                <a:effectLst/>
                <a:latin typeface="Segoe UI Historic" panose="020B0502040204020203" pitchFamily="34" charset="0"/>
              </a:rPr>
              <a:t>• Pre-Cleaning Raw Data: Clean and transform raw data once, and use it in multiple reports. </a:t>
            </a:r>
          </a:p>
          <a:p>
            <a:endParaRPr lang="en-GB" sz="2400" dirty="0">
              <a:latin typeface="Segoe UI Historic" panose="020B0502040204020203" pitchFamily="34" charset="0"/>
            </a:endParaRPr>
          </a:p>
          <a:p>
            <a:r>
              <a:rPr lang="en-GB" sz="2400" b="0" i="0" dirty="0">
                <a:effectLst/>
                <a:latin typeface="Segoe UI Historic" panose="020B0502040204020203" pitchFamily="34" charset="0"/>
              </a:rPr>
              <a:t>• Handling Large Data Sets: Use dataflows to break down and manage large datasets before loading into Power BI. </a:t>
            </a:r>
          </a:p>
          <a:p>
            <a:endParaRPr lang="en-GB" sz="2400" dirty="0">
              <a:latin typeface="Segoe UI Historic" panose="020B0502040204020203" pitchFamily="34" charset="0"/>
            </a:endParaRPr>
          </a:p>
          <a:p>
            <a:r>
              <a:rPr lang="en-GB" sz="2400" b="0" i="0" dirty="0">
                <a:effectLst/>
                <a:latin typeface="Segoe UI Historic" panose="020B0502040204020203" pitchFamily="34" charset="0"/>
              </a:rPr>
              <a:t>• Enabling Data Reusability: Reuse transformed data in multiple reports to ensure consistency and save time.</a:t>
            </a:r>
            <a:endParaRPr lang="en-GB" sz="2400" dirty="0">
              <a:latin typeface="Segoe UI Historic" panose="020B0502040204020203" pitchFamily="34" charset="0"/>
            </a:endParaRPr>
          </a:p>
        </p:txBody>
      </p:sp>
      <p:sp>
        <p:nvSpPr>
          <p:cNvPr id="7" name="Rectangle 6">
            <a:extLst>
              <a:ext uri="{FF2B5EF4-FFF2-40B4-BE49-F238E27FC236}">
                <a16:creationId xmlns:a16="http://schemas.microsoft.com/office/drawing/2014/main" id="{7A3BD4D9-B0A6-1E2B-3C26-51FF70B2C653}"/>
              </a:ext>
            </a:extLst>
          </p:cNvPr>
          <p:cNvSpPr/>
          <p:nvPr/>
        </p:nvSpPr>
        <p:spPr>
          <a:xfrm>
            <a:off x="1450339" y="1317954"/>
            <a:ext cx="8671856" cy="45719"/>
          </a:xfrm>
          <a:prstGeom prst="rect">
            <a:avLst/>
          </a:prstGeom>
          <a:ln>
            <a:noFill/>
          </a:ln>
        </p:spPr>
        <p:style>
          <a:lnRef idx="1">
            <a:schemeClr val="accent3"/>
          </a:lnRef>
          <a:fillRef idx="3">
            <a:schemeClr val="accent3"/>
          </a:fillRef>
          <a:effectRef idx="2">
            <a:schemeClr val="accent3"/>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28056835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 name="object 3"/>
          <p:cNvGrpSpPr/>
          <p:nvPr/>
        </p:nvGrpSpPr>
        <p:grpSpPr>
          <a:xfrm>
            <a:off x="0" y="0"/>
            <a:ext cx="707390" cy="6858000"/>
            <a:chOff x="0" y="0"/>
            <a:chExt cx="707390" cy="6858000"/>
          </a:xfrm>
          <a:solidFill>
            <a:schemeClr val="bg2"/>
          </a:solidFill>
        </p:grpSpPr>
        <p:sp>
          <p:nvSpPr>
            <p:cNvPr id="4" name="object 4"/>
            <p:cNvSpPr/>
            <p:nvPr/>
          </p:nvSpPr>
          <p:spPr>
            <a:xfrm>
              <a:off x="0" y="0"/>
              <a:ext cx="478790" cy="6858000"/>
            </a:xfrm>
            <a:custGeom>
              <a:avLst/>
              <a:gdLst/>
              <a:ahLst/>
              <a:cxnLst/>
              <a:rect l="l" t="t" r="r" b="b"/>
              <a:pathLst>
                <a:path w="478790" h="6858000">
                  <a:moveTo>
                    <a:pt x="0" y="6858000"/>
                  </a:moveTo>
                  <a:lnTo>
                    <a:pt x="478536" y="6858000"/>
                  </a:lnTo>
                  <a:lnTo>
                    <a:pt x="478536" y="0"/>
                  </a:lnTo>
                  <a:lnTo>
                    <a:pt x="0" y="0"/>
                  </a:lnTo>
                  <a:lnTo>
                    <a:pt x="0" y="6858000"/>
                  </a:lnTo>
                  <a:close/>
                </a:path>
              </a:pathLst>
            </a:custGeom>
            <a:grpFill/>
            <a:ln>
              <a:solidFill>
                <a:schemeClr val="accent1"/>
              </a:solidFill>
            </a:ln>
          </p:spPr>
          <p:txBody>
            <a:bodyPr wrap="square" lIns="0" tIns="0" rIns="0" bIns="0" rtlCol="0"/>
            <a:lstStyle/>
            <a:p>
              <a:endParaRPr/>
            </a:p>
          </p:txBody>
        </p:sp>
        <p:sp>
          <p:nvSpPr>
            <p:cNvPr id="5" name="object 5"/>
            <p:cNvSpPr/>
            <p:nvPr/>
          </p:nvSpPr>
          <p:spPr>
            <a:xfrm>
              <a:off x="478536" y="0"/>
              <a:ext cx="228600" cy="6858000"/>
            </a:xfrm>
            <a:custGeom>
              <a:avLst/>
              <a:gdLst/>
              <a:ahLst/>
              <a:cxnLst/>
              <a:rect l="l" t="t" r="r" b="b"/>
              <a:pathLst>
                <a:path w="228600" h="6858000">
                  <a:moveTo>
                    <a:pt x="228600" y="0"/>
                  </a:moveTo>
                  <a:lnTo>
                    <a:pt x="0" y="0"/>
                  </a:lnTo>
                  <a:lnTo>
                    <a:pt x="0" y="6858000"/>
                  </a:lnTo>
                  <a:lnTo>
                    <a:pt x="228600" y="6858000"/>
                  </a:lnTo>
                  <a:lnTo>
                    <a:pt x="228600" y="0"/>
                  </a:lnTo>
                  <a:close/>
                </a:path>
              </a:pathLst>
            </a:custGeom>
            <a:solidFill>
              <a:schemeClr val="tx2">
                <a:lumMod val="10000"/>
                <a:lumOff val="90000"/>
              </a:schemeClr>
            </a:solidFill>
            <a:ln>
              <a:solidFill>
                <a:schemeClr val="accent1"/>
              </a:solidFill>
            </a:ln>
          </p:spPr>
          <p:txBody>
            <a:bodyPr wrap="square" lIns="0" tIns="0" rIns="0" bIns="0" rtlCol="0"/>
            <a:lstStyle/>
            <a:p>
              <a:endParaRPr/>
            </a:p>
          </p:txBody>
        </p:sp>
      </p:grpSp>
      <p:sp>
        <p:nvSpPr>
          <p:cNvPr id="6" name="object 6"/>
          <p:cNvSpPr txBox="1">
            <a:spLocks noGrp="1"/>
          </p:cNvSpPr>
          <p:nvPr>
            <p:ph type="title"/>
          </p:nvPr>
        </p:nvSpPr>
        <p:spPr>
          <a:xfrm>
            <a:off x="1450339" y="627380"/>
            <a:ext cx="6566610" cy="690574"/>
          </a:xfrm>
          <a:prstGeom prst="rect">
            <a:avLst/>
          </a:prstGeom>
        </p:spPr>
        <p:txBody>
          <a:bodyPr vert="horz" wrap="square" lIns="0" tIns="13335" rIns="0" bIns="0" rtlCol="0">
            <a:spAutoFit/>
          </a:bodyPr>
          <a:lstStyle/>
          <a:p>
            <a:pPr marL="12700">
              <a:lnSpc>
                <a:spcPct val="100000"/>
              </a:lnSpc>
              <a:spcBef>
                <a:spcPts val="105"/>
              </a:spcBef>
            </a:pPr>
            <a:r>
              <a:rPr lang="en-GB" sz="4400" spc="-110" dirty="0">
                <a:solidFill>
                  <a:schemeClr val="bg2"/>
                </a:solidFill>
              </a:rPr>
              <a:t>Process</a:t>
            </a:r>
            <a:endParaRPr sz="4400" dirty="0">
              <a:solidFill>
                <a:schemeClr val="bg2"/>
              </a:solidFill>
            </a:endParaRPr>
          </a:p>
        </p:txBody>
      </p:sp>
      <p:pic>
        <p:nvPicPr>
          <p:cNvPr id="2" name="Graphic 1">
            <a:extLst>
              <a:ext uri="{FF2B5EF4-FFF2-40B4-BE49-F238E27FC236}">
                <a16:creationId xmlns:a16="http://schemas.microsoft.com/office/drawing/2014/main" id="{1171145E-4D8F-72DF-F97E-1750F3037B1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45142" y="548624"/>
            <a:ext cx="462858" cy="450000"/>
          </a:xfrm>
          <a:prstGeom prst="rect">
            <a:avLst/>
          </a:prstGeom>
        </p:spPr>
      </p:pic>
      <p:sp>
        <p:nvSpPr>
          <p:cNvPr id="7" name="Rectangle 6">
            <a:extLst>
              <a:ext uri="{FF2B5EF4-FFF2-40B4-BE49-F238E27FC236}">
                <a16:creationId xmlns:a16="http://schemas.microsoft.com/office/drawing/2014/main" id="{7A3BD4D9-B0A6-1E2B-3C26-51FF70B2C653}"/>
              </a:ext>
            </a:extLst>
          </p:cNvPr>
          <p:cNvSpPr/>
          <p:nvPr/>
        </p:nvSpPr>
        <p:spPr>
          <a:xfrm>
            <a:off x="1450339" y="1317954"/>
            <a:ext cx="8671856" cy="45719"/>
          </a:xfrm>
          <a:prstGeom prst="rect">
            <a:avLst/>
          </a:prstGeom>
          <a:ln>
            <a:noFill/>
          </a:ln>
        </p:spPr>
        <p:style>
          <a:lnRef idx="1">
            <a:schemeClr val="accent3"/>
          </a:lnRef>
          <a:fillRef idx="3">
            <a:schemeClr val="accent3"/>
          </a:fillRef>
          <a:effectRef idx="2">
            <a:schemeClr val="accent3"/>
          </a:effectRef>
          <a:fontRef idx="minor">
            <a:schemeClr val="lt1"/>
          </a:fontRef>
        </p:style>
        <p:txBody>
          <a:bodyPr rtlCol="0" anchor="ctr"/>
          <a:lstStyle/>
          <a:p>
            <a:pPr algn="ctr"/>
            <a:endParaRPr lang="en-GB"/>
          </a:p>
        </p:txBody>
      </p:sp>
      <p:sp>
        <p:nvSpPr>
          <p:cNvPr id="8" name="Rectangle 7">
            <a:extLst>
              <a:ext uri="{FF2B5EF4-FFF2-40B4-BE49-F238E27FC236}">
                <a16:creationId xmlns:a16="http://schemas.microsoft.com/office/drawing/2014/main" id="{20E7ABBA-6F4C-15FA-BA7E-5BB6DFF389AE}"/>
              </a:ext>
            </a:extLst>
          </p:cNvPr>
          <p:cNvSpPr/>
          <p:nvPr/>
        </p:nvSpPr>
        <p:spPr>
          <a:xfrm>
            <a:off x="1898644" y="2923157"/>
            <a:ext cx="1399187" cy="1527900"/>
          </a:xfrm>
          <a:prstGeom prst="rect">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GB" sz="1400" dirty="0"/>
              <a:t>Load your Data</a:t>
            </a:r>
          </a:p>
        </p:txBody>
      </p:sp>
      <p:sp>
        <p:nvSpPr>
          <p:cNvPr id="9" name="Arrow: Right 8">
            <a:extLst>
              <a:ext uri="{FF2B5EF4-FFF2-40B4-BE49-F238E27FC236}">
                <a16:creationId xmlns:a16="http://schemas.microsoft.com/office/drawing/2014/main" id="{E3C2A96C-2DEC-491C-F245-DA1B3ACE9ECB}"/>
              </a:ext>
            </a:extLst>
          </p:cNvPr>
          <p:cNvSpPr/>
          <p:nvPr/>
        </p:nvSpPr>
        <p:spPr>
          <a:xfrm>
            <a:off x="3652138" y="3254925"/>
            <a:ext cx="935665" cy="826151"/>
          </a:xfrm>
          <a:prstGeom prst="rightArrow">
            <a:avLst/>
          </a:prstGeom>
        </p:spPr>
        <p:style>
          <a:lnRef idx="2">
            <a:schemeClr val="accent1"/>
          </a:lnRef>
          <a:fillRef idx="1">
            <a:schemeClr val="lt1"/>
          </a:fillRef>
          <a:effectRef idx="0">
            <a:schemeClr val="accent1"/>
          </a:effectRef>
          <a:fontRef idx="minor">
            <a:schemeClr val="dk1"/>
          </a:fontRef>
        </p:style>
        <p:txBody>
          <a:bodyPr rtlCol="0" anchor="ctr"/>
          <a:lstStyle/>
          <a:p>
            <a:pPr algn="ctr"/>
            <a:endParaRPr lang="en-GB"/>
          </a:p>
        </p:txBody>
      </p:sp>
      <p:sp>
        <p:nvSpPr>
          <p:cNvPr id="10" name="Rectangle 9">
            <a:extLst>
              <a:ext uri="{FF2B5EF4-FFF2-40B4-BE49-F238E27FC236}">
                <a16:creationId xmlns:a16="http://schemas.microsoft.com/office/drawing/2014/main" id="{276AC2EB-4956-925F-37D7-29214BEB609F}"/>
              </a:ext>
            </a:extLst>
          </p:cNvPr>
          <p:cNvSpPr/>
          <p:nvPr/>
        </p:nvSpPr>
        <p:spPr>
          <a:xfrm>
            <a:off x="4925256" y="2923157"/>
            <a:ext cx="1399187" cy="1527900"/>
          </a:xfrm>
          <a:prstGeom prst="rect">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GB" sz="1400" dirty="0"/>
              <a:t>Perform Transformation in Dataflow</a:t>
            </a:r>
          </a:p>
        </p:txBody>
      </p:sp>
      <p:cxnSp>
        <p:nvCxnSpPr>
          <p:cNvPr id="14" name="Connector: Elbow 13">
            <a:extLst>
              <a:ext uri="{FF2B5EF4-FFF2-40B4-BE49-F238E27FC236}">
                <a16:creationId xmlns:a16="http://schemas.microsoft.com/office/drawing/2014/main" id="{4BCDE0C5-4F9F-0732-4CB7-12AE6FC4E4C8}"/>
              </a:ext>
            </a:extLst>
          </p:cNvPr>
          <p:cNvCxnSpPr/>
          <p:nvPr/>
        </p:nvCxnSpPr>
        <p:spPr>
          <a:xfrm flipV="1">
            <a:off x="6434435" y="2582915"/>
            <a:ext cx="1605517" cy="1104191"/>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 name="Connector: Elbow 14">
            <a:extLst>
              <a:ext uri="{FF2B5EF4-FFF2-40B4-BE49-F238E27FC236}">
                <a16:creationId xmlns:a16="http://schemas.microsoft.com/office/drawing/2014/main" id="{E46BC091-370F-B758-B1E0-10DB8AE00ECE}"/>
              </a:ext>
            </a:extLst>
          </p:cNvPr>
          <p:cNvCxnSpPr>
            <a:cxnSpLocks/>
            <a:stCxn id="10" idx="3"/>
          </p:cNvCxnSpPr>
          <p:nvPr/>
        </p:nvCxnSpPr>
        <p:spPr>
          <a:xfrm flipV="1">
            <a:off x="6324443" y="3687106"/>
            <a:ext cx="1627425" cy="1"/>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8" name="Connector: Elbow 17">
            <a:extLst>
              <a:ext uri="{FF2B5EF4-FFF2-40B4-BE49-F238E27FC236}">
                <a16:creationId xmlns:a16="http://schemas.microsoft.com/office/drawing/2014/main" id="{88898B77-CC5A-7F22-565A-C9F0B67D9FEA}"/>
              </a:ext>
            </a:extLst>
          </p:cNvPr>
          <p:cNvCxnSpPr>
            <a:cxnSpLocks/>
            <a:stCxn id="10" idx="3"/>
          </p:cNvCxnSpPr>
          <p:nvPr/>
        </p:nvCxnSpPr>
        <p:spPr>
          <a:xfrm>
            <a:off x="6324443" y="3687107"/>
            <a:ext cx="1811202" cy="1007387"/>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pic>
        <p:nvPicPr>
          <p:cNvPr id="1026" name="Picture 2" descr="Analyst Icon Images – Browse 35,174 Stock Photos, Vectors, and Video |  Adobe Stock">
            <a:extLst>
              <a:ext uri="{FF2B5EF4-FFF2-40B4-BE49-F238E27FC236}">
                <a16:creationId xmlns:a16="http://schemas.microsoft.com/office/drawing/2014/main" id="{DF0169B7-2A76-202E-DBB7-C6DB2572DA85}"/>
              </a:ext>
            </a:extLst>
          </p:cNvPr>
          <p:cNvPicPr>
            <a:picLocks noChangeAspect="1" noChangeArrowheads="1"/>
          </p:cNvPicPr>
          <p:nvPr/>
        </p:nvPicPr>
        <p:blipFill>
          <a:blip r:embed="rId4">
            <a:duotone>
              <a:schemeClr val="accent2">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a:off x="8196417" y="2011715"/>
            <a:ext cx="1104191" cy="1104191"/>
          </a:xfrm>
          <a:prstGeom prst="rect">
            <a:avLst/>
          </a:prstGeom>
          <a:noFill/>
          <a:extLst>
            <a:ext uri="{909E8E84-426E-40DD-AFC4-6F175D3DCCD1}">
              <a14:hiddenFill xmlns:a14="http://schemas.microsoft.com/office/drawing/2010/main">
                <a:solidFill>
                  <a:srgbClr val="FFFFFF"/>
                </a:solidFill>
              </a14:hiddenFill>
            </a:ext>
          </a:extLst>
        </p:spPr>
      </p:pic>
      <p:pic>
        <p:nvPicPr>
          <p:cNvPr id="22" name="Picture 2" descr="Analyst Icon Images – Browse 35,174 Stock Photos, Vectors, and Video |  Adobe Stock">
            <a:extLst>
              <a:ext uri="{FF2B5EF4-FFF2-40B4-BE49-F238E27FC236}">
                <a16:creationId xmlns:a16="http://schemas.microsoft.com/office/drawing/2014/main" id="{624DC89C-9484-47DA-7437-6EC862BBBF35}"/>
              </a:ext>
            </a:extLst>
          </p:cNvPr>
          <p:cNvPicPr>
            <a:picLocks noChangeAspect="1" noChangeArrowheads="1"/>
          </p:cNvPicPr>
          <p:nvPr/>
        </p:nvPicPr>
        <p:blipFill>
          <a:blip r:embed="rId4">
            <a:duotone>
              <a:schemeClr val="accent2">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a:off x="8245637" y="3115906"/>
            <a:ext cx="1104191" cy="1104191"/>
          </a:xfrm>
          <a:prstGeom prst="rect">
            <a:avLst/>
          </a:prstGeom>
          <a:noFill/>
          <a:extLst>
            <a:ext uri="{909E8E84-426E-40DD-AFC4-6F175D3DCCD1}">
              <a14:hiddenFill xmlns:a14="http://schemas.microsoft.com/office/drawing/2010/main">
                <a:solidFill>
                  <a:srgbClr val="FFFFFF"/>
                </a:solidFill>
              </a14:hiddenFill>
            </a:ext>
          </a:extLst>
        </p:spPr>
      </p:pic>
      <p:pic>
        <p:nvPicPr>
          <p:cNvPr id="24" name="Picture 2" descr="Analyst Icon Images – Browse 35,174 Stock Photos, Vectors, and Video |  Adobe Stock">
            <a:extLst>
              <a:ext uri="{FF2B5EF4-FFF2-40B4-BE49-F238E27FC236}">
                <a16:creationId xmlns:a16="http://schemas.microsoft.com/office/drawing/2014/main" id="{BD466743-ED7A-86DD-3B8F-371AA37B99CA}"/>
              </a:ext>
            </a:extLst>
          </p:cNvPr>
          <p:cNvPicPr>
            <a:picLocks noChangeAspect="1" noChangeArrowheads="1"/>
          </p:cNvPicPr>
          <p:nvPr/>
        </p:nvPicPr>
        <p:blipFill>
          <a:blip r:embed="rId4">
            <a:duotone>
              <a:schemeClr val="accent2">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a:off x="8245637" y="4300096"/>
            <a:ext cx="1104191" cy="110419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45497913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 name="object 3"/>
          <p:cNvGrpSpPr/>
          <p:nvPr/>
        </p:nvGrpSpPr>
        <p:grpSpPr>
          <a:xfrm>
            <a:off x="0" y="0"/>
            <a:ext cx="707390" cy="6858000"/>
            <a:chOff x="0" y="0"/>
            <a:chExt cx="707390" cy="6858000"/>
          </a:xfrm>
          <a:solidFill>
            <a:schemeClr val="bg2"/>
          </a:solidFill>
        </p:grpSpPr>
        <p:sp>
          <p:nvSpPr>
            <p:cNvPr id="4" name="object 4"/>
            <p:cNvSpPr/>
            <p:nvPr/>
          </p:nvSpPr>
          <p:spPr>
            <a:xfrm>
              <a:off x="0" y="0"/>
              <a:ext cx="478790" cy="6858000"/>
            </a:xfrm>
            <a:custGeom>
              <a:avLst/>
              <a:gdLst/>
              <a:ahLst/>
              <a:cxnLst/>
              <a:rect l="l" t="t" r="r" b="b"/>
              <a:pathLst>
                <a:path w="478790" h="6858000">
                  <a:moveTo>
                    <a:pt x="0" y="6858000"/>
                  </a:moveTo>
                  <a:lnTo>
                    <a:pt x="478536" y="6858000"/>
                  </a:lnTo>
                  <a:lnTo>
                    <a:pt x="478536" y="0"/>
                  </a:lnTo>
                  <a:lnTo>
                    <a:pt x="0" y="0"/>
                  </a:lnTo>
                  <a:lnTo>
                    <a:pt x="0" y="6858000"/>
                  </a:lnTo>
                  <a:close/>
                </a:path>
              </a:pathLst>
            </a:custGeom>
            <a:grpFill/>
            <a:ln>
              <a:solidFill>
                <a:schemeClr val="accent1"/>
              </a:solidFill>
            </a:ln>
          </p:spPr>
          <p:txBody>
            <a:bodyPr wrap="square" lIns="0" tIns="0" rIns="0" bIns="0" rtlCol="0"/>
            <a:lstStyle/>
            <a:p>
              <a:endParaRPr/>
            </a:p>
          </p:txBody>
        </p:sp>
        <p:sp>
          <p:nvSpPr>
            <p:cNvPr id="5" name="object 5"/>
            <p:cNvSpPr/>
            <p:nvPr/>
          </p:nvSpPr>
          <p:spPr>
            <a:xfrm>
              <a:off x="478536" y="0"/>
              <a:ext cx="228600" cy="6858000"/>
            </a:xfrm>
            <a:custGeom>
              <a:avLst/>
              <a:gdLst/>
              <a:ahLst/>
              <a:cxnLst/>
              <a:rect l="l" t="t" r="r" b="b"/>
              <a:pathLst>
                <a:path w="228600" h="6858000">
                  <a:moveTo>
                    <a:pt x="228600" y="0"/>
                  </a:moveTo>
                  <a:lnTo>
                    <a:pt x="0" y="0"/>
                  </a:lnTo>
                  <a:lnTo>
                    <a:pt x="0" y="6858000"/>
                  </a:lnTo>
                  <a:lnTo>
                    <a:pt x="228600" y="6858000"/>
                  </a:lnTo>
                  <a:lnTo>
                    <a:pt x="228600" y="0"/>
                  </a:lnTo>
                  <a:close/>
                </a:path>
              </a:pathLst>
            </a:custGeom>
            <a:solidFill>
              <a:schemeClr val="tx2">
                <a:lumMod val="10000"/>
                <a:lumOff val="90000"/>
              </a:schemeClr>
            </a:solidFill>
            <a:ln>
              <a:solidFill>
                <a:schemeClr val="accent1"/>
              </a:solidFill>
            </a:ln>
          </p:spPr>
          <p:txBody>
            <a:bodyPr wrap="square" lIns="0" tIns="0" rIns="0" bIns="0" rtlCol="0"/>
            <a:lstStyle/>
            <a:p>
              <a:endParaRPr/>
            </a:p>
          </p:txBody>
        </p:sp>
      </p:grpSp>
      <p:sp>
        <p:nvSpPr>
          <p:cNvPr id="6" name="object 6"/>
          <p:cNvSpPr txBox="1">
            <a:spLocks noGrp="1"/>
          </p:cNvSpPr>
          <p:nvPr>
            <p:ph type="title"/>
          </p:nvPr>
        </p:nvSpPr>
        <p:spPr>
          <a:xfrm>
            <a:off x="1450339" y="627380"/>
            <a:ext cx="6566610" cy="690574"/>
          </a:xfrm>
          <a:prstGeom prst="rect">
            <a:avLst/>
          </a:prstGeom>
        </p:spPr>
        <p:txBody>
          <a:bodyPr vert="horz" wrap="square" lIns="0" tIns="13335" rIns="0" bIns="0" rtlCol="0">
            <a:spAutoFit/>
          </a:bodyPr>
          <a:lstStyle/>
          <a:p>
            <a:pPr marL="12700">
              <a:lnSpc>
                <a:spcPct val="100000"/>
              </a:lnSpc>
              <a:spcBef>
                <a:spcPts val="105"/>
              </a:spcBef>
            </a:pPr>
            <a:r>
              <a:rPr lang="en-GB" sz="4400" spc="-110" dirty="0">
                <a:solidFill>
                  <a:schemeClr val="bg2"/>
                </a:solidFill>
              </a:rPr>
              <a:t>Use Cases</a:t>
            </a:r>
            <a:endParaRPr sz="4400" dirty="0">
              <a:solidFill>
                <a:schemeClr val="bg2"/>
              </a:solidFill>
            </a:endParaRPr>
          </a:p>
        </p:txBody>
      </p:sp>
      <p:pic>
        <p:nvPicPr>
          <p:cNvPr id="2" name="Graphic 1">
            <a:extLst>
              <a:ext uri="{FF2B5EF4-FFF2-40B4-BE49-F238E27FC236}">
                <a16:creationId xmlns:a16="http://schemas.microsoft.com/office/drawing/2014/main" id="{1171145E-4D8F-72DF-F97E-1750F3037B1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1045142" y="548624"/>
            <a:ext cx="462858" cy="450000"/>
          </a:xfrm>
          <a:prstGeom prst="rect">
            <a:avLst/>
          </a:prstGeom>
        </p:spPr>
      </p:pic>
      <p:sp>
        <p:nvSpPr>
          <p:cNvPr id="23" name="TextBox 22">
            <a:extLst>
              <a:ext uri="{FF2B5EF4-FFF2-40B4-BE49-F238E27FC236}">
                <a16:creationId xmlns:a16="http://schemas.microsoft.com/office/drawing/2014/main" id="{2013473F-39E1-3313-57D2-2F6F8082C585}"/>
              </a:ext>
            </a:extLst>
          </p:cNvPr>
          <p:cNvSpPr txBox="1"/>
          <p:nvPr/>
        </p:nvSpPr>
        <p:spPr>
          <a:xfrm>
            <a:off x="1185672" y="1730437"/>
            <a:ext cx="10235709" cy="4154984"/>
          </a:xfrm>
          <a:prstGeom prst="rect">
            <a:avLst/>
          </a:prstGeom>
          <a:noFill/>
        </p:spPr>
        <p:txBody>
          <a:bodyPr wrap="square">
            <a:spAutoFit/>
          </a:bodyPr>
          <a:lstStyle/>
          <a:p>
            <a:r>
              <a:rPr lang="en-GB" sz="2400" b="0" i="0" dirty="0">
                <a:effectLst/>
                <a:latin typeface="Segoe UI Historic" panose="020B0502040204020203" pitchFamily="34" charset="0"/>
              </a:rPr>
              <a:t>• Data Integration Across Systems: Centralize data from multiple systems (e.g., CRM, ERP) for a unified view. </a:t>
            </a:r>
          </a:p>
          <a:p>
            <a:endParaRPr lang="en-GB" sz="2400" dirty="0">
              <a:latin typeface="Segoe UI Historic" panose="020B0502040204020203" pitchFamily="34" charset="0"/>
            </a:endParaRPr>
          </a:p>
          <a:p>
            <a:r>
              <a:rPr lang="en-GB" sz="2400" b="0" i="0" dirty="0">
                <a:effectLst/>
                <a:latin typeface="Segoe UI Historic" panose="020B0502040204020203" pitchFamily="34" charset="0"/>
              </a:rPr>
              <a:t>• Pre-Cleaning Raw Data: Clean and transform raw data once, and use it in multiple reports. </a:t>
            </a:r>
          </a:p>
          <a:p>
            <a:endParaRPr lang="en-GB" sz="2400" dirty="0">
              <a:latin typeface="Segoe UI Historic" panose="020B0502040204020203" pitchFamily="34" charset="0"/>
            </a:endParaRPr>
          </a:p>
          <a:p>
            <a:r>
              <a:rPr lang="en-GB" sz="2400" b="0" i="0" dirty="0">
                <a:effectLst/>
                <a:latin typeface="Segoe UI Historic" panose="020B0502040204020203" pitchFamily="34" charset="0"/>
              </a:rPr>
              <a:t>• Handling Large Data Sets: Use dataflows to break down and manage large datasets before loading into Power BI. </a:t>
            </a:r>
          </a:p>
          <a:p>
            <a:endParaRPr lang="en-GB" sz="2400" dirty="0">
              <a:latin typeface="Segoe UI Historic" panose="020B0502040204020203" pitchFamily="34" charset="0"/>
            </a:endParaRPr>
          </a:p>
          <a:p>
            <a:r>
              <a:rPr lang="en-GB" sz="2400" b="0" i="0" dirty="0">
                <a:effectLst/>
                <a:latin typeface="Segoe UI Historic" panose="020B0502040204020203" pitchFamily="34" charset="0"/>
              </a:rPr>
              <a:t>• Enabling Data Reusability: Reuse transformed data in multiple reports to ensure consistency and save time.</a:t>
            </a:r>
            <a:endParaRPr lang="en-GB" sz="2400" dirty="0">
              <a:latin typeface="Segoe UI Historic" panose="020B0502040204020203" pitchFamily="34" charset="0"/>
            </a:endParaRPr>
          </a:p>
        </p:txBody>
      </p:sp>
      <p:sp>
        <p:nvSpPr>
          <p:cNvPr id="7" name="Rectangle 6">
            <a:extLst>
              <a:ext uri="{FF2B5EF4-FFF2-40B4-BE49-F238E27FC236}">
                <a16:creationId xmlns:a16="http://schemas.microsoft.com/office/drawing/2014/main" id="{7A3BD4D9-B0A6-1E2B-3C26-51FF70B2C653}"/>
              </a:ext>
            </a:extLst>
          </p:cNvPr>
          <p:cNvSpPr/>
          <p:nvPr/>
        </p:nvSpPr>
        <p:spPr>
          <a:xfrm>
            <a:off x="1450339" y="1317954"/>
            <a:ext cx="8671856" cy="45719"/>
          </a:xfrm>
          <a:prstGeom prst="rect">
            <a:avLst/>
          </a:prstGeom>
          <a:ln>
            <a:noFill/>
          </a:ln>
        </p:spPr>
        <p:style>
          <a:lnRef idx="1">
            <a:schemeClr val="accent3"/>
          </a:lnRef>
          <a:fillRef idx="3">
            <a:schemeClr val="accent3"/>
          </a:fillRef>
          <a:effectRef idx="2">
            <a:schemeClr val="accent3"/>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312819445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GUIDEMETRICUNIT" val="cm"/>
  <p:tag name="MASTERLEFTMARGIN" val="36.36"/>
  <p:tag name="MASTERRIGHTMARGIN" val="36.36"/>
  <p:tag name="MASTERTOPMARGIN" val="122"/>
  <p:tag name="MASTERBOTTOMMARGIN" val="122"/>
  <p:tag name="CUSTMASTERLEFTMARGIN" val="36.36"/>
  <p:tag name="CUSTMASTERRIGHTMARGIN" val="36.36"/>
  <p:tag name="CUSTMASTERTOPMARGIN" val="122"/>
  <p:tag name="CUSTMASTERBOTTOMMARGIN" val="122"/>
  <p:tag name="GUIDESAPPLIEDTO" val="2"/>
  <p:tag name="TITLETOPMARGIN" val="25.5118"/>
  <p:tag name="TITLEBOTTOMMARGIN" val="60.9449"/>
  <p:tag name="FOOTERTOPMARGIN" val="497.0768"/>
  <p:tag name="FOOTERBOTTOMMARGIN" val="525.8268"/>
  <p:tag name="MAXCOLS" val="9"/>
  <p:tag name="MAXROWS" val="6"/>
  <p:tag name="MAXGUTTERROW" val="1 cm"/>
  <p:tag name="MAXGUTTERCOL" val="1 cm"/>
</p:tagLst>
</file>

<file path=ppt/tags/tag10.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2"/>
  <p:tag name="GUIDEROWS" val="1"/>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2"/>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6"/>
  <p:tag name="GUIDEROWS" val="1"/>
  <p:tag name="GUTTERCOL" val="0.6 cm"/>
  <p:tag name="GUTTERROW" val="0.6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6"/>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1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CUSTMASTERTOPMARGIN" val="83.622"/>
  <p:tag name="CUSTMASTERLEFTMARGIN" val="34.0157"/>
  <p:tag name="CUSTMASTERRIGHTMARGIN" val="34.0157"/>
  <p:tag name="CUSTMASTERBOTTOMMARGIN" val="59.5276"/>
  <p:tag name="GUTTERCOL" val="0.6 cm"/>
  <p:tag name="GUTTERROW" val="0.6 cm"/>
  <p:tag name="MASTERTOPMARGIN" val="122"/>
  <p:tag name="MASTERLEFTMARGIN" val="36.36"/>
  <p:tag name="MASTERRIGHTMARGIN" val="36.36"/>
  <p:tag name="MASTERBOTTOMMARGIN" val="122"/>
</p:tagLst>
</file>

<file path=ppt/tags/tag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7.xml><?xml version="1.0" encoding="utf-8"?>
<p:tagLst xmlns:a="http://schemas.openxmlformats.org/drawingml/2006/main" xmlns:r="http://schemas.openxmlformats.org/officeDocument/2006/relationships" xmlns:p="http://schemas.openxmlformats.org/presentationml/2006/main">
  <p:tag name="MASTERTOPMARGIN" val="83.622"/>
  <p:tag name="MASTERLEFTMARGIN" val="34.0157"/>
  <p:tag name="MASTERRIGHTMARGIN" val="34.0157"/>
  <p:tag name="MASTERBOTTOMMARGIN" val="59.5276"/>
  <p:tag name="GUIDECOLS" val="1"/>
  <p:tag name="GUIDEROWS" val="1"/>
  <p:tag name="GUTTERCOL" val="0.6 cm"/>
  <p:tag name="GUTTERROW" val="0.6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ags/tag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 name="MASTERTOPMARGIN" val="122"/>
  <p:tag name="MASTERLEFTMARGIN" val="36.36"/>
  <p:tag name="MASTERRIGHTMARGIN" val="36.36"/>
  <p:tag name="MASTERBOTTOMMARGIN" val="122"/>
</p:tagLst>
</file>

<file path=ppt/theme/theme1.xml><?xml version="1.0" encoding="utf-8"?>
<a:theme xmlns:a="http://schemas.openxmlformats.org/drawingml/2006/main" name="Office Theme">
  <a:themeElements>
    <a:clrScheme name="Maximus 2022">
      <a:dk1>
        <a:srgbClr val="000000"/>
      </a:dk1>
      <a:lt1>
        <a:sysClr val="window" lastClr="FFFFFF"/>
      </a:lt1>
      <a:dk2>
        <a:srgbClr val="200649"/>
      </a:dk2>
      <a:lt2>
        <a:srgbClr val="502E91"/>
      </a:lt2>
      <a:accent1>
        <a:srgbClr val="502E91"/>
      </a:accent1>
      <a:accent2>
        <a:srgbClr val="9F7FC9"/>
      </a:accent2>
      <a:accent3>
        <a:srgbClr val="2D6732"/>
      </a:accent3>
      <a:accent4>
        <a:srgbClr val="468C40"/>
      </a:accent4>
      <a:accent5>
        <a:srgbClr val="7CBE64"/>
      </a:accent5>
      <a:accent6>
        <a:srgbClr val="3A52A4"/>
      </a:accent6>
      <a:hlink>
        <a:srgbClr val="6277B9"/>
      </a:hlink>
      <a:folHlink>
        <a:srgbClr val="954F72"/>
      </a:folHlink>
    </a:clrScheme>
    <a:fontScheme name="Maximus 2022">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Maximus 16x9.potx" id="{5CD1F157-80A5-48B8-96D4-904D8A2176A2}" vid="{1E94CD62-E92B-4C97-81C2-CC7256D3BCA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181026995264746","enableDocumentContentUpdater":false,"version":"2.0"}]]></TemplafySlideTemplateConfiguration>
</file>

<file path=customXml/item10.xml><?xml version="1.0" encoding="utf-8"?>
<TemplafyTemplateConfiguration><![CDATA[{"elementsMetadata":[],"transformationConfigurations":[],"templateName":"Maximus PowerPoint Template","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7D044FC6F27D634C90AA24827C601DEE" ma:contentTypeVersion="4" ma:contentTypeDescription="Create a new document." ma:contentTypeScope="" ma:versionID="4e3ac68d0d41c8d8c6bbe8f85c7f3b46">
  <xsd:schema xmlns:xsd="http://www.w3.org/2001/XMLSchema" xmlns:xs="http://www.w3.org/2001/XMLSchema" xmlns:p="http://schemas.microsoft.com/office/2006/metadata/properties" xmlns:ns2="bed4216d-6570-4676-a126-6639d9369ed5" xmlns:ns3="c0e4547e-d75b-4a64-a92d-8c2ef52c03ae" targetNamespace="http://schemas.microsoft.com/office/2006/metadata/properties" ma:root="true" ma:fieldsID="d79cc385a614f8f839453a50b815ea57" ns2:_="" ns3:_="">
    <xsd:import namespace="bed4216d-6570-4676-a126-6639d9369ed5"/>
    <xsd:import namespace="c0e4547e-d75b-4a64-a92d-8c2ef52c03ae"/>
    <xsd:element name="properties">
      <xsd:complexType>
        <xsd:sequence>
          <xsd:element name="documentManagement">
            <xsd:complexType>
              <xsd:all>
                <xsd:element ref="ns2:MediaServiceMetadata" minOccurs="0"/>
                <xsd:element ref="ns2:MediaServiceFastMetadata" minOccurs="0"/>
                <xsd:element ref="ns3:_dlc_DocId" minOccurs="0"/>
                <xsd:element ref="ns3:_dlc_DocIdUrl" minOccurs="0"/>
                <xsd:element ref="ns3:_dlc_DocIdPersistId"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ed4216d-6570-4676-a126-6639d9369ed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MediaServiceSearchProperties" ma:index="14"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c0e4547e-d75b-4a64-a92d-8c2ef52c03ae" elementFormDefault="qualified">
    <xsd:import namespace="http://schemas.microsoft.com/office/2006/documentManagement/types"/>
    <xsd:import namespace="http://schemas.microsoft.com/office/infopath/2007/PartnerControls"/>
    <xsd:element name="_dlc_DocId" ma:index="10" nillable="true" ma:displayName="Document ID Value" ma:description="The value of the document ID assigned to this item." ma:indexed="true" ma:internalName="_dlc_DocId" ma:readOnly="true">
      <xsd:simpleType>
        <xsd:restriction base="dms:Text"/>
      </xsd:simpleType>
    </xsd:element>
    <xsd:element name="_dlc_DocIdUrl" ma:index="11"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2"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181026995264746","enableDocumentContentUpdater":false,"version":"2.0"}]]></TemplafySlideTemplateConfiguration>
</file>

<file path=customXml/item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8.xml><?xml version="1.0" encoding="utf-8"?>
<p:properties xmlns:p="http://schemas.microsoft.com/office/2006/metadata/properties" xmlns:xsi="http://www.w3.org/2001/XMLSchema-instance" xmlns:pc="http://schemas.microsoft.com/office/infopath/2007/PartnerControls">
  <documentManagement>
    <_dlc_DocId xmlns="c0e4547e-d75b-4a64-a92d-8c2ef52c03ae">NYTPYZVTRJPQ-1626578719-32</_dlc_DocId>
    <_dlc_DocIdUrl xmlns="c0e4547e-d75b-4a64-a92d-8c2ef52c03ae">
      <Url>https://maximusunitedkingdom.sharepoint.com/_layouts/15/DocIdRedir.aspx?ID=NYTPYZVTRJPQ-1626578719-32</Url>
      <Description>NYTPYZVTRJPQ-1626578719-32</Description>
    </_dlc_DocIdUrl>
  </documentManagement>
</p:properties>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843949CE-C36E-4D58-870B-C7189DF8CC31}">
  <ds:schemaRefs/>
</ds:datastoreItem>
</file>

<file path=customXml/itemProps10.xml><?xml version="1.0" encoding="utf-8"?>
<ds:datastoreItem xmlns:ds="http://schemas.openxmlformats.org/officeDocument/2006/customXml" ds:itemID="{7CD0A1BA-AECB-453F-88CE-71EA9D9C85E1}">
  <ds:schemaRefs/>
</ds:datastoreItem>
</file>

<file path=customXml/itemProps2.xml><?xml version="1.0" encoding="utf-8"?>
<ds:datastoreItem xmlns:ds="http://schemas.openxmlformats.org/officeDocument/2006/customXml" ds:itemID="{EAFFF91B-8A85-4C32-BB59-A1CE4EC9CB1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ed4216d-6570-4676-a126-6639d9369ed5"/>
    <ds:schemaRef ds:uri="c0e4547e-d75b-4a64-a92d-8c2ef52c03a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16EB901A-8AC7-465D-8199-46A738F803A7}">
  <ds:schemaRefs/>
</ds:datastoreItem>
</file>

<file path=customXml/itemProps4.xml><?xml version="1.0" encoding="utf-8"?>
<ds:datastoreItem xmlns:ds="http://schemas.openxmlformats.org/officeDocument/2006/customXml" ds:itemID="{341FF344-0879-4412-9899-32C83B5E2CAE}">
  <ds:schemaRefs/>
</ds:datastoreItem>
</file>

<file path=customXml/itemProps5.xml><?xml version="1.0" encoding="utf-8"?>
<ds:datastoreItem xmlns:ds="http://schemas.openxmlformats.org/officeDocument/2006/customXml" ds:itemID="{728F1491-9CAB-4764-AFBE-687D9A924CCA}">
  <ds:schemaRefs/>
</ds:datastoreItem>
</file>

<file path=customXml/itemProps6.xml><?xml version="1.0" encoding="utf-8"?>
<ds:datastoreItem xmlns:ds="http://schemas.openxmlformats.org/officeDocument/2006/customXml" ds:itemID="{9CE28D20-2B7F-4EAB-BFDB-B25330D60171}">
  <ds:schemaRefs/>
</ds:datastoreItem>
</file>

<file path=customXml/itemProps7.xml><?xml version="1.0" encoding="utf-8"?>
<ds:datastoreItem xmlns:ds="http://schemas.openxmlformats.org/officeDocument/2006/customXml" ds:itemID="{3EC645C4-3825-4CCA-BDA4-D2A33085E21F}">
  <ds:schemaRefs>
    <ds:schemaRef ds:uri="http://schemas.microsoft.com/sharepoint/events"/>
  </ds:schemaRefs>
</ds:datastoreItem>
</file>

<file path=customXml/itemProps8.xml><?xml version="1.0" encoding="utf-8"?>
<ds:datastoreItem xmlns:ds="http://schemas.openxmlformats.org/officeDocument/2006/customXml" ds:itemID="{15206378-2A3E-428D-9DDD-B744438C4DF8}">
  <ds:schemaRefs>
    <ds:schemaRef ds:uri="d20a8da1-d6c6-474d-a6fd-15c748b99c32"/>
    <ds:schemaRef ds:uri="e3349ed9-ecf8-4678-9861-1ed64c0e7fa8"/>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microsoft.com/sharepoint/v3"/>
    <ds:schemaRef ds:uri="http://schemas.openxmlformats.org/package/2006/metadata/core-properties"/>
    <ds:schemaRef ds:uri="http://www.w3.org/XML/1998/namespace"/>
    <ds:schemaRef ds:uri="c0e4547e-d75b-4a64-a92d-8c2ef52c03ae"/>
  </ds:schemaRefs>
</ds:datastoreItem>
</file>

<file path=customXml/itemProps9.xml><?xml version="1.0" encoding="utf-8"?>
<ds:datastoreItem xmlns:ds="http://schemas.openxmlformats.org/officeDocument/2006/customXml" ds:itemID="{DEED7132-66D5-4A44-84B2-E3CDE5AF3A8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UK PowerPoint Template</Template>
  <TotalTime>748</TotalTime>
  <Words>887</Words>
  <Application>Microsoft Office PowerPoint</Application>
  <PresentationFormat>Widescreen</PresentationFormat>
  <Paragraphs>82</Paragraphs>
  <Slides>12</Slides>
  <Notes>0</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12</vt:i4>
      </vt:variant>
    </vt:vector>
  </HeadingPairs>
  <TitlesOfParts>
    <vt:vector size="20" baseType="lpstr">
      <vt:lpstr>Arial</vt:lpstr>
      <vt:lpstr>Avenir Next LT Pro</vt:lpstr>
      <vt:lpstr>Calibri</vt:lpstr>
      <vt:lpstr>Franklin Gothic Medium</vt:lpstr>
      <vt:lpstr>Seaford</vt:lpstr>
      <vt:lpstr>Segoe UI Historic</vt:lpstr>
      <vt:lpstr>Tahoma</vt:lpstr>
      <vt:lpstr>Office Theme</vt:lpstr>
      <vt:lpstr>PowerPoint Presentation</vt:lpstr>
      <vt:lpstr>What is Dataflow?</vt:lpstr>
      <vt:lpstr>What’s the big deal?</vt:lpstr>
      <vt:lpstr>Dataflow vs Dataset</vt:lpstr>
      <vt:lpstr>Dataflow Architecture</vt:lpstr>
      <vt:lpstr>Now Let’s build a Dataflow</vt:lpstr>
      <vt:lpstr>Use Cases</vt:lpstr>
      <vt:lpstr>Process</vt:lpstr>
      <vt:lpstr>Use Cases</vt:lpstr>
      <vt:lpstr>PowerPoint Presentation</vt:lpstr>
      <vt:lpstr>Import</vt:lpstr>
      <vt:lpstr>Direct Query</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i Briggs</dc:creator>
  <cp:lastModifiedBy>Teruyuki Ito</cp:lastModifiedBy>
  <cp:revision>16</cp:revision>
  <dcterms:created xsi:type="dcterms:W3CDTF">2024-06-20T13:40:13Z</dcterms:created>
  <dcterms:modified xsi:type="dcterms:W3CDTF">2024-11-12T15:18:5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4</vt:lpwstr>
  </property>
  <property fmtid="{D5CDD505-2E9C-101B-9397-08002B2CF9AE}" pid="3" name="TemplafyTimeStamp">
    <vt:lpwstr>2023-04-26T10:44:59</vt:lpwstr>
  </property>
  <property fmtid="{D5CDD505-2E9C-101B-9397-08002B2CF9AE}" pid="4" name="MediaServiceImageTags">
    <vt:lpwstr/>
  </property>
  <property fmtid="{D5CDD505-2E9C-101B-9397-08002B2CF9AE}" pid="5" name="ContentTypeId">
    <vt:lpwstr>0x0101007D044FC6F27D634C90AA24827C601DEE</vt:lpwstr>
  </property>
  <property fmtid="{D5CDD505-2E9C-101B-9397-08002B2CF9AE}" pid="6" name="TemplafyTenantId">
    <vt:lpwstr>maximusuk</vt:lpwstr>
  </property>
  <property fmtid="{D5CDD505-2E9C-101B-9397-08002B2CF9AE}" pid="7" name="TemplafyTemplateId">
    <vt:lpwstr>637961495326326872</vt:lpwstr>
  </property>
  <property fmtid="{D5CDD505-2E9C-101B-9397-08002B2CF9AE}" pid="8" name="TemplafyUserProfileId">
    <vt:lpwstr>637962386850390801</vt:lpwstr>
  </property>
  <property fmtid="{D5CDD505-2E9C-101B-9397-08002B2CF9AE}" pid="9" name="TemplafyFromBlank">
    <vt:bool>false</vt:bool>
  </property>
  <property fmtid="{D5CDD505-2E9C-101B-9397-08002B2CF9AE}" pid="10" name="_dlc_DocIdItemGuid">
    <vt:lpwstr>4d797be7-3af3-4947-b8cc-75e2a3b0850d</vt:lpwstr>
  </property>
</Properties>
</file>